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62312\Desktop\新しいフォルダー\"/>
    </mc:Choice>
  </mc:AlternateContent>
  <xr:revisionPtr revIDLastSave="0" documentId="13_ncr:1_{AD59687C-9A5B-4FCF-A7B2-647F17EE5F59}" xr6:coauthVersionLast="47" xr6:coauthVersionMax="47" xr10:uidLastSave="{00000000-0000-0000-0000-000000000000}"/>
  <bookViews>
    <workbookView xWindow="-108" yWindow="-108" windowWidth="23256" windowHeight="12456" tabRatio="753" xr2:uid="{00000000-000D-0000-FFFF-FFFF00000000}"/>
  </bookViews>
  <sheets>
    <sheet name="国公立大 地方試験会場一覧" sheetId="15" r:id="rId1"/>
  </sheets>
  <definedNames>
    <definedName name="_xlnm._FilterDatabase" localSheetId="0" hidden="1">'国公立大 地方試験会場一覧'!$A$5:$G$85</definedName>
    <definedName name="_xlnm.Print_Area" localSheetId="0">'国公立大 地方試験会場一覧'!$B$1:$G$86</definedName>
    <definedName name="_xlnm.Print_Titles" localSheetId="0">'国公立大 地方試験会場一覧'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13" uniqueCount="218">
  <si>
    <t>大学</t>
  </si>
  <si>
    <t>学部</t>
  </si>
  <si>
    <t>学科</t>
  </si>
  <si>
    <t>日程</t>
  </si>
  <si>
    <t>試験会場名</t>
  </si>
  <si>
    <t>経済</t>
  </si>
  <si>
    <t>中</t>
  </si>
  <si>
    <t>前</t>
  </si>
  <si>
    <t>後</t>
  </si>
  <si>
    <t>理</t>
  </si>
  <si>
    <t>工</t>
  </si>
  <si>
    <t>経営経済</t>
  </si>
  <si>
    <t>人文</t>
  </si>
  <si>
    <t>コンピュータ理工</t>
  </si>
  <si>
    <t>Ａ日程</t>
    <rPh sb="1" eb="3">
      <t>ニッテイ</t>
    </rPh>
    <phoneticPr fontId="1"/>
  </si>
  <si>
    <t>Ｂ日程</t>
    <rPh sb="1" eb="3">
      <t>ニッテイ</t>
    </rPh>
    <phoneticPr fontId="1"/>
  </si>
  <si>
    <t>Ｃ日程</t>
    <rPh sb="1" eb="3">
      <t>ニッテイ</t>
    </rPh>
    <phoneticPr fontId="1"/>
  </si>
  <si>
    <t>システム情報科学</t>
    <rPh sb="7" eb="8">
      <t>ガク</t>
    </rPh>
    <phoneticPr fontId="1"/>
  </si>
  <si>
    <t>後</t>
    <rPh sb="0" eb="1">
      <t>アト</t>
    </rPh>
    <phoneticPr fontId="1"/>
  </si>
  <si>
    <t>工</t>
    <rPh sb="0" eb="1">
      <t>コウ</t>
    </rPh>
    <phoneticPr fontId="1"/>
  </si>
  <si>
    <t>前</t>
    <rPh sb="0" eb="1">
      <t>マエ</t>
    </rPh>
    <phoneticPr fontId="1"/>
  </si>
  <si>
    <t>教育文化</t>
    <rPh sb="0" eb="2">
      <t>キョウイク</t>
    </rPh>
    <rPh sb="2" eb="4">
      <t>ブンカ</t>
    </rPh>
    <phoneticPr fontId="1"/>
  </si>
  <si>
    <t>前</t>
    <rPh sb="0" eb="1">
      <t>ゼン</t>
    </rPh>
    <phoneticPr fontId="1"/>
  </si>
  <si>
    <t>教育旭川校</t>
    <rPh sb="0" eb="2">
      <t>キョウイク</t>
    </rPh>
    <rPh sb="2" eb="4">
      <t>アサヒカワ</t>
    </rPh>
    <rPh sb="4" eb="5">
      <t>コウ</t>
    </rPh>
    <phoneticPr fontId="1"/>
  </si>
  <si>
    <t>B日程</t>
    <rPh sb="1" eb="3">
      <t>ニッテイ</t>
    </rPh>
    <phoneticPr fontId="1"/>
  </si>
  <si>
    <t>人間生活</t>
    <rPh sb="0" eb="2">
      <t>ニンゲン</t>
    </rPh>
    <rPh sb="2" eb="4">
      <t>セイカツ</t>
    </rPh>
    <phoneticPr fontId="1"/>
  </si>
  <si>
    <t>健康栄養</t>
    <rPh sb="0" eb="2">
      <t>ケンコウ</t>
    </rPh>
    <rPh sb="2" eb="4">
      <t>エイヨウ</t>
    </rPh>
    <phoneticPr fontId="1"/>
  </si>
  <si>
    <t>保健福祉</t>
    <rPh sb="0" eb="2">
      <t>ホケン</t>
    </rPh>
    <rPh sb="2" eb="4">
      <t>フクシ</t>
    </rPh>
    <phoneticPr fontId="1"/>
  </si>
  <si>
    <t>本学、東京</t>
    <rPh sb="0" eb="2">
      <t>ホンガク</t>
    </rPh>
    <rPh sb="3" eb="5">
      <t>トウキョウ</t>
    </rPh>
    <phoneticPr fontId="1"/>
  </si>
  <si>
    <t>本学、大阪</t>
    <rPh sb="3" eb="5">
      <t>オオサカ</t>
    </rPh>
    <phoneticPr fontId="1"/>
  </si>
  <si>
    <t>本学、札幌</t>
    <rPh sb="3" eb="5">
      <t>サッポロ</t>
    </rPh>
    <phoneticPr fontId="1"/>
  </si>
  <si>
    <t>本学、名古屋</t>
    <rPh sb="3" eb="6">
      <t>ナゴヤ</t>
    </rPh>
    <phoneticPr fontId="1"/>
  </si>
  <si>
    <t>本学、札幌、盛岡、東京、大阪</t>
    <rPh sb="6" eb="8">
      <t>モリオカ</t>
    </rPh>
    <phoneticPr fontId="1"/>
  </si>
  <si>
    <t>本学、東京</t>
    <rPh sb="3" eb="5">
      <t>トウキョウ</t>
    </rPh>
    <phoneticPr fontId="1"/>
  </si>
  <si>
    <t>本学、東京、大阪、岡山、福岡</t>
    <rPh sb="3" eb="5">
      <t>トウキョウ</t>
    </rPh>
    <rPh sb="6" eb="8">
      <t>オオサカ</t>
    </rPh>
    <rPh sb="9" eb="11">
      <t>オカヤマ</t>
    </rPh>
    <rPh sb="12" eb="14">
      <t>フクオカ</t>
    </rPh>
    <phoneticPr fontId="1"/>
  </si>
  <si>
    <t>本学、東京、名古屋</t>
    <rPh sb="6" eb="9">
      <t>ナゴヤ</t>
    </rPh>
    <phoneticPr fontId="1"/>
  </si>
  <si>
    <t>国際</t>
    <rPh sb="0" eb="2">
      <t>コクサイ</t>
    </rPh>
    <phoneticPr fontId="1"/>
  </si>
  <si>
    <t>後</t>
    <rPh sb="0" eb="1">
      <t>ゴ</t>
    </rPh>
    <phoneticPr fontId="1"/>
  </si>
  <si>
    <t>本学、名古屋</t>
    <rPh sb="0" eb="2">
      <t>ホンガク</t>
    </rPh>
    <rPh sb="3" eb="6">
      <t>ナゴヤ</t>
    </rPh>
    <phoneticPr fontId="1"/>
  </si>
  <si>
    <t>美術</t>
    <rPh sb="0" eb="2">
      <t>ビジュツ</t>
    </rPh>
    <phoneticPr fontId="1"/>
  </si>
  <si>
    <t>本学、仙台</t>
    <rPh sb="3" eb="5">
      <t>センダイ</t>
    </rPh>
    <phoneticPr fontId="1"/>
  </si>
  <si>
    <t>本学、札幌、東京、名古屋、大阪</t>
    <rPh sb="9" eb="12">
      <t>ナゴヤ</t>
    </rPh>
    <phoneticPr fontId="1"/>
  </si>
  <si>
    <t>本学、盛岡、東京</t>
    <rPh sb="3" eb="5">
      <t>モリオカ</t>
    </rPh>
    <phoneticPr fontId="1"/>
  </si>
  <si>
    <t>山形</t>
    <rPh sb="0" eb="2">
      <t>ヤマガタ</t>
    </rPh>
    <phoneticPr fontId="1"/>
  </si>
  <si>
    <t>本学、大阪、広島、福岡</t>
    <rPh sb="6" eb="8">
      <t>ヒロシマ</t>
    </rPh>
    <rPh sb="9" eb="11">
      <t>フクオカ</t>
    </rPh>
    <phoneticPr fontId="1"/>
  </si>
  <si>
    <t>生物資源環境</t>
    <rPh sb="0" eb="2">
      <t>セイブツ</t>
    </rPh>
    <rPh sb="2" eb="4">
      <t>シゲン</t>
    </rPh>
    <rPh sb="4" eb="6">
      <t>カンキョウ</t>
    </rPh>
    <phoneticPr fontId="1"/>
  </si>
  <si>
    <t>岡山県立</t>
    <rPh sb="0" eb="2">
      <t>オカヤマ</t>
    </rPh>
    <rPh sb="2" eb="4">
      <t>ケンリツ</t>
    </rPh>
    <phoneticPr fontId="1"/>
  </si>
  <si>
    <t>情報工</t>
    <rPh sb="0" eb="2">
      <t>ジョウホウ</t>
    </rPh>
    <rPh sb="2" eb="3">
      <t>コウ</t>
    </rPh>
    <phoneticPr fontId="1"/>
  </si>
  <si>
    <t>中</t>
    <rPh sb="0" eb="1">
      <t>チュウ</t>
    </rPh>
    <phoneticPr fontId="1"/>
  </si>
  <si>
    <t>本学、岡山</t>
    <rPh sb="0" eb="2">
      <t>ホンガク</t>
    </rPh>
    <rPh sb="3" eb="5">
      <t>オカヤマ</t>
    </rPh>
    <phoneticPr fontId="1"/>
  </si>
  <si>
    <t>2/25</t>
  </si>
  <si>
    <t>3/8</t>
  </si>
  <si>
    <t>※★印は今年度から新たに実施されるもの</t>
    <rPh sb="2" eb="3">
      <t>シルシ</t>
    </rPh>
    <rPh sb="4" eb="6">
      <t>コトシ</t>
    </rPh>
    <rPh sb="6" eb="7">
      <t>ド</t>
    </rPh>
    <rPh sb="9" eb="10">
      <t>アラ</t>
    </rPh>
    <rPh sb="12" eb="14">
      <t>ジッシ</t>
    </rPh>
    <phoneticPr fontId="1"/>
  </si>
  <si>
    <t>群馬</t>
  </si>
  <si>
    <t>富山</t>
  </si>
  <si>
    <t>福井</t>
  </si>
  <si>
    <t>信州</t>
  </si>
  <si>
    <t>会津</t>
  </si>
  <si>
    <t>富山県立</t>
  </si>
  <si>
    <t>福井県立</t>
  </si>
  <si>
    <t>本学、名古屋、京都</t>
    <rPh sb="7" eb="9">
      <t>キョウト</t>
    </rPh>
    <phoneticPr fontId="1"/>
  </si>
  <si>
    <t>看護</t>
    <rPh sb="0" eb="2">
      <t>カンゴ</t>
    </rPh>
    <phoneticPr fontId="1"/>
  </si>
  <si>
    <t>本学、名古屋、大阪、広島、高松、福岡、鹿児島</t>
    <rPh sb="3" eb="6">
      <t>ナゴヤ</t>
    </rPh>
    <rPh sb="10" eb="12">
      <t>ヒロシマ</t>
    </rPh>
    <rPh sb="13" eb="15">
      <t>タカマツ</t>
    </rPh>
    <rPh sb="19" eb="22">
      <t>カゴシマ</t>
    </rPh>
    <phoneticPr fontId="1"/>
  </si>
  <si>
    <t>商（昼間）、商（夜間主）</t>
    <rPh sb="0" eb="1">
      <t>ショウ</t>
    </rPh>
    <rPh sb="2" eb="4">
      <t>チュウカン</t>
    </rPh>
    <rPh sb="6" eb="7">
      <t>ショウ</t>
    </rPh>
    <rPh sb="8" eb="10">
      <t>ヤカン</t>
    </rPh>
    <rPh sb="10" eb="11">
      <t>シュ</t>
    </rPh>
    <phoneticPr fontId="1"/>
  </si>
  <si>
    <t>本学、東京、大阪、福岡、那覇</t>
    <rPh sb="0" eb="2">
      <t>ホンガク</t>
    </rPh>
    <rPh sb="3" eb="5">
      <t>トウキョウ</t>
    </rPh>
    <rPh sb="6" eb="8">
      <t>オオサカ</t>
    </rPh>
    <rPh sb="9" eb="10">
      <t>フク</t>
    </rPh>
    <rPh sb="10" eb="11">
      <t>オカ</t>
    </rPh>
    <phoneticPr fontId="1"/>
  </si>
  <si>
    <t>北見工業</t>
    <rPh sb="0" eb="2">
      <t>キタミ</t>
    </rPh>
    <rPh sb="2" eb="4">
      <t>コウギョウ</t>
    </rPh>
    <phoneticPr fontId="1"/>
  </si>
  <si>
    <t>北海道教育</t>
    <rPh sb="0" eb="3">
      <t>ホッカイドウ</t>
    </rPh>
    <rPh sb="3" eb="5">
      <t>キョウイク</t>
    </rPh>
    <phoneticPr fontId="1"/>
  </si>
  <si>
    <t>室蘭工業</t>
    <rPh sb="0" eb="2">
      <t>ムロラン</t>
    </rPh>
    <rPh sb="2" eb="4">
      <t>コウギョウ</t>
    </rPh>
    <phoneticPr fontId="1"/>
  </si>
  <si>
    <t>秋田</t>
    <rPh sb="0" eb="2">
      <t>アキタ</t>
    </rPh>
    <phoneticPr fontId="1"/>
  </si>
  <si>
    <t>秋田公立美術</t>
    <rPh sb="0" eb="2">
      <t>アキタ</t>
    </rPh>
    <rPh sb="2" eb="4">
      <t>コウリツ</t>
    </rPh>
    <rPh sb="4" eb="6">
      <t>ビジュツ</t>
    </rPh>
    <phoneticPr fontId="1"/>
  </si>
  <si>
    <t>高崎経済</t>
    <rPh sb="2" eb="4">
      <t>ケイザイ</t>
    </rPh>
    <phoneticPr fontId="1"/>
  </si>
  <si>
    <t>新潟県立</t>
    <rPh sb="0" eb="2">
      <t>ニイガタ</t>
    </rPh>
    <rPh sb="2" eb="4">
      <t>ケンリツ</t>
    </rPh>
    <phoneticPr fontId="1"/>
  </si>
  <si>
    <t>石川県立</t>
    <rPh sb="0" eb="2">
      <t>イシカワ</t>
    </rPh>
    <rPh sb="2" eb="4">
      <t>ケンリツ</t>
    </rPh>
    <phoneticPr fontId="1"/>
  </si>
  <si>
    <t>敦賀市立看護</t>
    <rPh sb="0" eb="2">
      <t>ツルガ</t>
    </rPh>
    <rPh sb="2" eb="4">
      <t>イチリツ</t>
    </rPh>
    <rPh sb="4" eb="6">
      <t>カンゴ</t>
    </rPh>
    <phoneticPr fontId="1"/>
  </si>
  <si>
    <t>都留文科</t>
    <rPh sb="2" eb="4">
      <t>ブンカ</t>
    </rPh>
    <phoneticPr fontId="1"/>
  </si>
  <si>
    <t>山梨</t>
    <rPh sb="0" eb="2">
      <t>ヤマナシ</t>
    </rPh>
    <phoneticPr fontId="1"/>
  </si>
  <si>
    <t>公立鳥取環境</t>
    <rPh sb="0" eb="2">
      <t>コウリツ</t>
    </rPh>
    <rPh sb="2" eb="4">
      <t>トットリ</t>
    </rPh>
    <rPh sb="4" eb="6">
      <t>カンキョウ</t>
    </rPh>
    <phoneticPr fontId="1"/>
  </si>
  <si>
    <t>香川</t>
    <rPh sb="0" eb="2">
      <t>カガワ</t>
    </rPh>
    <phoneticPr fontId="1"/>
  </si>
  <si>
    <t>高知工科</t>
    <rPh sb="0" eb="2">
      <t>コウチ</t>
    </rPh>
    <rPh sb="2" eb="4">
      <t>コウカ</t>
    </rPh>
    <phoneticPr fontId="1"/>
  </si>
  <si>
    <t>名桜</t>
    <rPh sb="0" eb="2">
      <t>メイオウ</t>
    </rPh>
    <phoneticPr fontId="1"/>
  </si>
  <si>
    <t>全学科</t>
    <rPh sb="1" eb="3">
      <t>ガッカ</t>
    </rPh>
    <phoneticPr fontId="1"/>
  </si>
  <si>
    <t>全学科</t>
    <rPh sb="0" eb="1">
      <t>ゼン</t>
    </rPh>
    <rPh sb="1" eb="3">
      <t>ガッカ</t>
    </rPh>
    <phoneticPr fontId="1"/>
  </si>
  <si>
    <t>全専攻（芸術・保健体育教育専攻を除く）</t>
    <rPh sb="0" eb="1">
      <t>ゼン</t>
    </rPh>
    <rPh sb="1" eb="3">
      <t>センコウ</t>
    </rPh>
    <rPh sb="4" eb="6">
      <t>ゲイジュツ</t>
    </rPh>
    <rPh sb="7" eb="9">
      <t>ホケン</t>
    </rPh>
    <rPh sb="9" eb="11">
      <t>タイイク</t>
    </rPh>
    <rPh sb="11" eb="13">
      <t>キョウイク</t>
    </rPh>
    <rPh sb="13" eb="15">
      <t>センコウ</t>
    </rPh>
    <rPh sb="16" eb="17">
      <t>ジョ</t>
    </rPh>
    <phoneticPr fontId="1"/>
  </si>
  <si>
    <t>コンピュータ理工</t>
    <rPh sb="6" eb="8">
      <t>リコウ</t>
    </rPh>
    <phoneticPr fontId="1"/>
  </si>
  <si>
    <t>国際文化</t>
    <rPh sb="0" eb="2">
      <t>コクサイ</t>
    </rPh>
    <rPh sb="2" eb="4">
      <t>ブンカ</t>
    </rPh>
    <phoneticPr fontId="1"/>
  </si>
  <si>
    <t>薬</t>
    <rPh sb="0" eb="1">
      <t>ヤク</t>
    </rPh>
    <phoneticPr fontId="1"/>
  </si>
  <si>
    <t>試験日</t>
    <rPh sb="0" eb="2">
      <t>シケン</t>
    </rPh>
    <phoneticPr fontId="1"/>
  </si>
  <si>
    <t>全学科（建築・デザイン学科を除く）</t>
    <rPh sb="0" eb="1">
      <t>ゼン</t>
    </rPh>
    <rPh sb="1" eb="3">
      <t>ガッカ</t>
    </rPh>
    <rPh sb="4" eb="6">
      <t>ケンチク</t>
    </rPh>
    <rPh sb="11" eb="13">
      <t>ガッカ</t>
    </rPh>
    <rPh sb="14" eb="15">
      <t>ノゾ</t>
    </rPh>
    <phoneticPr fontId="1"/>
  </si>
  <si>
    <t>本学、さいたま、名古屋</t>
    <rPh sb="8" eb="11">
      <t>ナゴヤ</t>
    </rPh>
    <phoneticPr fontId="1"/>
  </si>
  <si>
    <t>本学、東京、京都</t>
    <rPh sb="6" eb="8">
      <t>キョウト</t>
    </rPh>
    <phoneticPr fontId="1"/>
  </si>
  <si>
    <t>福知山公立</t>
    <rPh sb="0" eb="3">
      <t>フクチヤマ</t>
    </rPh>
    <rPh sb="3" eb="5">
      <t>コウリツ</t>
    </rPh>
    <phoneticPr fontId="1"/>
  </si>
  <si>
    <t>本学、名古屋　</t>
    <rPh sb="0" eb="2">
      <t>ホンガク</t>
    </rPh>
    <rPh sb="3" eb="6">
      <t>ナゴヤ</t>
    </rPh>
    <phoneticPr fontId="1"/>
  </si>
  <si>
    <t>札幌</t>
    <rPh sb="0" eb="2">
      <t>サッポロ</t>
    </rPh>
    <phoneticPr fontId="1"/>
  </si>
  <si>
    <t>本学、札幌、仙台</t>
    <rPh sb="6" eb="8">
      <t>センダイ</t>
    </rPh>
    <phoneticPr fontId="1"/>
  </si>
  <si>
    <t>山陽小野田市立山口東京理科</t>
    <rPh sb="0" eb="2">
      <t>サンヨウ</t>
    </rPh>
    <rPh sb="2" eb="7">
      <t>オノダシリツ</t>
    </rPh>
    <rPh sb="7" eb="9">
      <t>ヤマグチ</t>
    </rPh>
    <rPh sb="9" eb="11">
      <t>トウキョウ</t>
    </rPh>
    <rPh sb="11" eb="13">
      <t>リカ</t>
    </rPh>
    <phoneticPr fontId="1"/>
  </si>
  <si>
    <t>本学、仙台、東京、名古屋</t>
    <rPh sb="6" eb="8">
      <t>トウキョウ</t>
    </rPh>
    <phoneticPr fontId="1"/>
  </si>
  <si>
    <t>長野</t>
    <rPh sb="0" eb="2">
      <t>ナガノ</t>
    </rPh>
    <phoneticPr fontId="1"/>
  </si>
  <si>
    <t>本学、東京、名古屋</t>
    <rPh sb="0" eb="2">
      <t>ホンガク</t>
    </rPh>
    <rPh sb="3" eb="5">
      <t>トウキョウ</t>
    </rPh>
    <rPh sb="6" eb="9">
      <t>ナゴヤ</t>
    </rPh>
    <phoneticPr fontId="1"/>
  </si>
  <si>
    <t>地方試験会場を設置している大学の試験日と試験会場の一覧です。詳細は各大学の募集要項で確認してください。</t>
    <rPh sb="0" eb="2">
      <t>チホウ</t>
    </rPh>
    <rPh sb="2" eb="4">
      <t>シケン</t>
    </rPh>
    <rPh sb="4" eb="6">
      <t>カイジョウ</t>
    </rPh>
    <rPh sb="7" eb="9">
      <t>セッチ</t>
    </rPh>
    <rPh sb="13" eb="15">
      <t>ダイガク</t>
    </rPh>
    <rPh sb="16" eb="19">
      <t>シケンビ</t>
    </rPh>
    <rPh sb="20" eb="22">
      <t>シケン</t>
    </rPh>
    <rPh sb="22" eb="24">
      <t>カイジョウ</t>
    </rPh>
    <rPh sb="25" eb="27">
      <t>イチラン</t>
    </rPh>
    <rPh sb="30" eb="32">
      <t>ショウサイ</t>
    </rPh>
    <rPh sb="33" eb="34">
      <t>カク</t>
    </rPh>
    <rPh sb="34" eb="36">
      <t>ダイガク</t>
    </rPh>
    <rPh sb="37" eb="39">
      <t>ボシュウ</t>
    </rPh>
    <rPh sb="39" eb="41">
      <t>ヨウコウ</t>
    </rPh>
    <rPh sb="42" eb="44">
      <t>カクニン</t>
    </rPh>
    <phoneticPr fontId="1"/>
  </si>
  <si>
    <t>2/25</t>
    <phoneticPr fontId="1"/>
  </si>
  <si>
    <t>3/12</t>
    <phoneticPr fontId="1"/>
  </si>
  <si>
    <t>釧路公立</t>
    <phoneticPr fontId="1"/>
  </si>
  <si>
    <t>3/8</t>
    <phoneticPr fontId="1"/>
  </si>
  <si>
    <t>公立はこだて未来</t>
    <phoneticPr fontId="1"/>
  </si>
  <si>
    <t>青森公立</t>
    <phoneticPr fontId="1"/>
  </si>
  <si>
    <t>弘前</t>
    <phoneticPr fontId="1"/>
  </si>
  <si>
    <t>岩手</t>
    <phoneticPr fontId="1"/>
  </si>
  <si>
    <t>秋田県立</t>
    <phoneticPr fontId="1"/>
  </si>
  <si>
    <t>中</t>
    <phoneticPr fontId="1"/>
  </si>
  <si>
    <t>本学、札幌、仙台、東京、名古屋、大阪、福岡</t>
    <phoneticPr fontId="1"/>
  </si>
  <si>
    <t>本学、東京</t>
    <phoneticPr fontId="1"/>
  </si>
  <si>
    <t>経済</t>
    <phoneticPr fontId="1"/>
  </si>
  <si>
    <t>地域政策</t>
    <phoneticPr fontId="1"/>
  </si>
  <si>
    <t>本学、名古屋</t>
    <phoneticPr fontId="1"/>
  </si>
  <si>
    <t>前</t>
    <phoneticPr fontId="1"/>
  </si>
  <si>
    <t>全学科</t>
    <phoneticPr fontId="1"/>
  </si>
  <si>
    <t>2/26</t>
    <phoneticPr fontId="1"/>
  </si>
  <si>
    <t>3/9</t>
    <phoneticPr fontId="1"/>
  </si>
  <si>
    <t>兵庫県立</t>
    <phoneticPr fontId="1"/>
  </si>
  <si>
    <t>島根県立</t>
    <phoneticPr fontId="1"/>
  </si>
  <si>
    <t>本学、広島</t>
    <phoneticPr fontId="1"/>
  </si>
  <si>
    <t>下関市立</t>
    <phoneticPr fontId="1"/>
  </si>
  <si>
    <t>福岡県立</t>
    <phoneticPr fontId="1"/>
  </si>
  <si>
    <t>宮崎公立</t>
    <phoneticPr fontId="1"/>
  </si>
  <si>
    <t>理工</t>
    <rPh sb="0" eb="2">
      <t>リコウ</t>
    </rPh>
    <phoneticPr fontId="1"/>
  </si>
  <si>
    <t>本学、札幌、仙台、東京、名古屋</t>
    <rPh sb="3" eb="5">
      <t>サッポロ</t>
    </rPh>
    <rPh sb="6" eb="8">
      <t>センダイ</t>
    </rPh>
    <rPh sb="9" eb="11">
      <t>トウキョウ</t>
    </rPh>
    <rPh sb="12" eb="15">
      <t>ナゴヤ</t>
    </rPh>
    <phoneticPr fontId="1"/>
  </si>
  <si>
    <t>本学、東京、名古屋</t>
    <rPh sb="3" eb="5">
      <t>トウキョウ</t>
    </rPh>
    <phoneticPr fontId="1"/>
  </si>
  <si>
    <t>公立諏訪東京理科</t>
    <rPh sb="0" eb="2">
      <t>コウリツ</t>
    </rPh>
    <rPh sb="2" eb="4">
      <t>スワ</t>
    </rPh>
    <rPh sb="4" eb="6">
      <t>トウキョウ</t>
    </rPh>
    <rPh sb="6" eb="8">
      <t>リカ</t>
    </rPh>
    <phoneticPr fontId="1"/>
  </si>
  <si>
    <t>公立千歳科学技術</t>
    <rPh sb="0" eb="2">
      <t>コウリツ</t>
    </rPh>
    <rPh sb="2" eb="4">
      <t>チトセ</t>
    </rPh>
    <rPh sb="4" eb="6">
      <t>カガク</t>
    </rPh>
    <rPh sb="6" eb="8">
      <t>ギジュツ</t>
    </rPh>
    <phoneticPr fontId="1"/>
  </si>
  <si>
    <t>本学、札幌、仙台、東京、金沢、名古屋、大阪、岡山、高松、福岡</t>
    <rPh sb="25" eb="27">
      <t>タカマツ</t>
    </rPh>
    <phoneticPr fontId="1"/>
  </si>
  <si>
    <t>名寄市立</t>
    <rPh sb="0" eb="2">
      <t>ナヨロ</t>
    </rPh>
    <rPh sb="2" eb="4">
      <t>シリツ</t>
    </rPh>
    <phoneticPr fontId="1"/>
  </si>
  <si>
    <t>3/12</t>
  </si>
  <si>
    <t>国際教養</t>
    <rPh sb="0" eb="2">
      <t>コクサイ</t>
    </rPh>
    <rPh sb="2" eb="4">
      <t>キョウヨウ</t>
    </rPh>
    <phoneticPr fontId="1"/>
  </si>
  <si>
    <t>本学、東京、名古屋</t>
    <phoneticPr fontId="1"/>
  </si>
  <si>
    <t>繊維</t>
    <rPh sb="0" eb="2">
      <t>センイ</t>
    </rPh>
    <phoneticPr fontId="1"/>
  </si>
  <si>
    <t>国際関係</t>
    <rPh sb="0" eb="2">
      <t>コクサイ</t>
    </rPh>
    <rPh sb="2" eb="4">
      <t>カンケイ</t>
    </rPh>
    <phoneticPr fontId="1"/>
  </si>
  <si>
    <t>創造工、農</t>
    <rPh sb="0" eb="2">
      <t>ソウゾウ</t>
    </rPh>
    <rPh sb="2" eb="3">
      <t>コウ</t>
    </rPh>
    <rPh sb="4" eb="5">
      <t>ノウ</t>
    </rPh>
    <phoneticPr fontId="1"/>
  </si>
  <si>
    <t>全学科（創造農学科、看護学科を除く）</t>
    <rPh sb="1" eb="3">
      <t>ガッカ</t>
    </rPh>
    <rPh sb="4" eb="6">
      <t>ソウゾウ</t>
    </rPh>
    <rPh sb="6" eb="7">
      <t>ノウ</t>
    </rPh>
    <rPh sb="7" eb="9">
      <t>ガッカ</t>
    </rPh>
    <rPh sb="10" eb="12">
      <t>カンゴ</t>
    </rPh>
    <rPh sb="12" eb="14">
      <t>ガッカ</t>
    </rPh>
    <rPh sb="15" eb="16">
      <t>ノゾ</t>
    </rPh>
    <phoneticPr fontId="1"/>
  </si>
  <si>
    <t>本学、西宮</t>
    <rPh sb="3" eb="5">
      <t>ニシノミヤ</t>
    </rPh>
    <phoneticPr fontId="1"/>
  </si>
  <si>
    <t>工</t>
    <phoneticPr fontId="1"/>
  </si>
  <si>
    <t>技術・経営工</t>
    <rPh sb="0" eb="2">
      <t>ギジュツ</t>
    </rPh>
    <rPh sb="3" eb="5">
      <t>ケイエイ</t>
    </rPh>
    <rPh sb="5" eb="6">
      <t>コウ</t>
    </rPh>
    <phoneticPr fontId="1"/>
  </si>
  <si>
    <t>本学、札幌、仙台</t>
    <rPh sb="3" eb="5">
      <t>サッポロ</t>
    </rPh>
    <rPh sb="6" eb="8">
      <t>センダイ</t>
    </rPh>
    <phoneticPr fontId="1"/>
  </si>
  <si>
    <t>本学、千歳</t>
    <rPh sb="3" eb="5">
      <t>チトセ</t>
    </rPh>
    <phoneticPr fontId="1"/>
  </si>
  <si>
    <t>中</t>
    <rPh sb="0" eb="1">
      <t>ナカ</t>
    </rPh>
    <phoneticPr fontId="1"/>
  </si>
  <si>
    <t>三条市立</t>
    <rPh sb="0" eb="2">
      <t>サンジョウ</t>
    </rPh>
    <rPh sb="2" eb="4">
      <t>シリツ</t>
    </rPh>
    <phoneticPr fontId="1"/>
  </si>
  <si>
    <t>本学、那覇</t>
    <rPh sb="0" eb="2">
      <t>ホンガク</t>
    </rPh>
    <rPh sb="3" eb="5">
      <t>ナハ</t>
    </rPh>
    <phoneticPr fontId="1"/>
  </si>
  <si>
    <t>歯</t>
    <rPh sb="0" eb="1">
      <t>シ</t>
    </rPh>
    <phoneticPr fontId="1"/>
  </si>
  <si>
    <t>農</t>
    <rPh sb="0" eb="1">
      <t>ノウ</t>
    </rPh>
    <phoneticPr fontId="1"/>
  </si>
  <si>
    <t>前橋工科</t>
    <phoneticPr fontId="1"/>
  </si>
  <si>
    <t>大阪公立</t>
    <rPh sb="0" eb="1">
      <t>ダイ</t>
    </rPh>
    <rPh sb="2" eb="4">
      <t>コウリツ</t>
    </rPh>
    <phoneticPr fontId="1"/>
  </si>
  <si>
    <t>全学群</t>
    <rPh sb="0" eb="1">
      <t>ゼン</t>
    </rPh>
    <rPh sb="1" eb="3">
      <t>ガクグン</t>
    </rPh>
    <phoneticPr fontId="1"/>
  </si>
  <si>
    <t>本学、札幌、東京、大阪</t>
    <rPh sb="3" eb="5">
      <t>サッポロ</t>
    </rPh>
    <rPh sb="6" eb="8">
      <t>トウキョウ</t>
    </rPh>
    <rPh sb="9" eb="11">
      <t>オオサカ</t>
    </rPh>
    <phoneticPr fontId="1"/>
  </si>
  <si>
    <t>人文社会科学、理工、農学生命科学、医</t>
    <rPh sb="0" eb="2">
      <t>ジンブン</t>
    </rPh>
    <rPh sb="2" eb="4">
      <t>シャカイ</t>
    </rPh>
    <rPh sb="4" eb="6">
      <t>カガク</t>
    </rPh>
    <rPh sb="17" eb="18">
      <t>イ</t>
    </rPh>
    <phoneticPr fontId="1"/>
  </si>
  <si>
    <t>全課程・学科（医学科を除く）</t>
    <rPh sb="0" eb="1">
      <t>ゼン</t>
    </rPh>
    <rPh sb="1" eb="3">
      <t>カテイ</t>
    </rPh>
    <rPh sb="4" eb="6">
      <t>ガッカ</t>
    </rPh>
    <rPh sb="7" eb="10">
      <t>イガッカ</t>
    </rPh>
    <rPh sb="11" eb="12">
      <t>ノゾ</t>
    </rPh>
    <phoneticPr fontId="1"/>
  </si>
  <si>
    <t>工（昼間）、工（フレックス）</t>
    <rPh sb="0" eb="1">
      <t>コウ</t>
    </rPh>
    <rPh sb="2" eb="3">
      <t>ヒル</t>
    </rPh>
    <rPh sb="3" eb="4">
      <t>マ</t>
    </rPh>
    <rPh sb="6" eb="7">
      <t>コウ</t>
    </rPh>
    <phoneticPr fontId="1"/>
  </si>
  <si>
    <t>食料生命環境</t>
    <rPh sb="0" eb="2">
      <t>ショクリョウ</t>
    </rPh>
    <rPh sb="2" eb="6">
      <t>セイメイカンキョウ</t>
    </rPh>
    <phoneticPr fontId="1"/>
  </si>
  <si>
    <t>本学（小白川、鶴岡）</t>
    <rPh sb="0" eb="2">
      <t>ホンガク</t>
    </rPh>
    <rPh sb="3" eb="4">
      <t>コ</t>
    </rPh>
    <rPh sb="4" eb="6">
      <t>シラカワ</t>
    </rPh>
    <rPh sb="7" eb="9">
      <t>ツルオカ</t>
    </rPh>
    <phoneticPr fontId="1"/>
  </si>
  <si>
    <t>全学部</t>
    <rPh sb="0" eb="3">
      <t>ゼンガクブ</t>
    </rPh>
    <phoneticPr fontId="1"/>
  </si>
  <si>
    <t>本学、広島、福岡（博多）、鹿児島</t>
    <rPh sb="6" eb="8">
      <t>フクオカ</t>
    </rPh>
    <rPh sb="9" eb="11">
      <t>ハカタ</t>
    </rPh>
    <rPh sb="13" eb="16">
      <t>カゴシマ</t>
    </rPh>
    <phoneticPr fontId="1"/>
  </si>
  <si>
    <t>本学、福岡（博多）</t>
    <rPh sb="0" eb="2">
      <t>ホンガク</t>
    </rPh>
    <rPh sb="3" eb="5">
      <t>フクオカ</t>
    </rPh>
    <rPh sb="6" eb="8">
      <t>ハカタ</t>
    </rPh>
    <phoneticPr fontId="1"/>
  </si>
  <si>
    <t>2/25・26※</t>
    <phoneticPr fontId="1"/>
  </si>
  <si>
    <t>理工（昼間、夜間主）</t>
    <rPh sb="0" eb="1">
      <t>リ</t>
    </rPh>
    <rPh sb="1" eb="2">
      <t>コウ</t>
    </rPh>
    <rPh sb="3" eb="4">
      <t>ヒル</t>
    </rPh>
    <rPh sb="4" eb="5">
      <t>マ</t>
    </rPh>
    <rPh sb="6" eb="8">
      <t>ヤカン</t>
    </rPh>
    <rPh sb="8" eb="9">
      <t>シュ</t>
    </rPh>
    <phoneticPr fontId="1"/>
  </si>
  <si>
    <t>岐阜薬科</t>
    <rPh sb="0" eb="2">
      <t>ギフ</t>
    </rPh>
    <rPh sb="2" eb="4">
      <t>ヤッカ</t>
    </rPh>
    <phoneticPr fontId="1"/>
  </si>
  <si>
    <t>*岐阜薬科大は大学指定の会場</t>
    <rPh sb="1" eb="3">
      <t>ギフ</t>
    </rPh>
    <rPh sb="3" eb="5">
      <t>ヤッカ</t>
    </rPh>
    <rPh sb="5" eb="6">
      <t>ダイ</t>
    </rPh>
    <rPh sb="7" eb="9">
      <t>ダイガク</t>
    </rPh>
    <rPh sb="9" eb="11">
      <t>シテイ</t>
    </rPh>
    <rPh sb="12" eb="14">
      <t>カイジョウ</t>
    </rPh>
    <phoneticPr fontId="1"/>
  </si>
  <si>
    <t>国際教養</t>
    <phoneticPr fontId="1"/>
  </si>
  <si>
    <t>3/10</t>
    <phoneticPr fontId="1"/>
  </si>
  <si>
    <t>教育釧路校、教育函館校</t>
    <rPh sb="0" eb="2">
      <t>キョウイク</t>
    </rPh>
    <rPh sb="2" eb="4">
      <t>クシロ</t>
    </rPh>
    <rPh sb="4" eb="5">
      <t>コウ</t>
    </rPh>
    <rPh sb="6" eb="8">
      <t>キョウイク</t>
    </rPh>
    <rPh sb="8" eb="10">
      <t>ハコダテ</t>
    </rPh>
    <rPh sb="10" eb="11">
      <t>コウ</t>
    </rPh>
    <phoneticPr fontId="1"/>
  </si>
  <si>
    <t>全専攻</t>
    <rPh sb="0" eb="3">
      <t>ゼンセンコウ</t>
    </rPh>
    <phoneticPr fontId="1"/>
  </si>
  <si>
    <t>産業技術</t>
    <rPh sb="0" eb="4">
      <t>サンギョウギジュツ</t>
    </rPh>
    <phoneticPr fontId="1"/>
  </si>
  <si>
    <t>本学、大阪</t>
    <rPh sb="0" eb="2">
      <t>ホンガク</t>
    </rPh>
    <rPh sb="3" eb="5">
      <t>オオサカ</t>
    </rPh>
    <phoneticPr fontId="1"/>
  </si>
  <si>
    <t>経済経営、情報科学</t>
    <rPh sb="0" eb="4">
      <t>ケイザイケイエイ</t>
    </rPh>
    <rPh sb="5" eb="9">
      <t>ジョウホウカガク</t>
    </rPh>
    <phoneticPr fontId="1"/>
  </si>
  <si>
    <t>本学、広島、岡山、福岡</t>
  </si>
  <si>
    <t>本学、北九州（真鶴会館）
※口腔保健は2/25のみ</t>
    <rPh sb="0" eb="2">
      <t>ホンガク</t>
    </rPh>
    <rPh sb="3" eb="6">
      <t>キタキュウシュウ</t>
    </rPh>
    <rPh sb="7" eb="8">
      <t>シン</t>
    </rPh>
    <rPh sb="8" eb="9">
      <t>ヅル</t>
    </rPh>
    <rPh sb="9" eb="11">
      <t>カイカン</t>
    </rPh>
    <rPh sb="14" eb="18">
      <t>コウクウホケン</t>
    </rPh>
    <phoneticPr fontId="1"/>
  </si>
  <si>
    <t>全学科</t>
    <rPh sb="0" eb="3">
      <t>ゼンガッカ</t>
    </rPh>
    <phoneticPr fontId="1"/>
  </si>
  <si>
    <t xml:space="preserve">本学、札幌、仙台、東京、富山、長野、静岡、名古屋、大阪、広島、高松、福岡、鹿児島、那覇
</t>
    <rPh sb="15" eb="17">
      <t>ナガノ</t>
    </rPh>
    <rPh sb="18" eb="20">
      <t>シズオカ</t>
    </rPh>
    <rPh sb="41" eb="43">
      <t>ナハ</t>
    </rPh>
    <phoneticPr fontId="1"/>
  </si>
  <si>
    <t>周南公立</t>
    <rPh sb="0" eb="2">
      <t>シュウナン</t>
    </rPh>
    <rPh sb="2" eb="4">
      <t>コウリツ</t>
    </rPh>
    <phoneticPr fontId="1"/>
  </si>
  <si>
    <t>スポーツ健康科学</t>
    <rPh sb="4" eb="8">
      <t>ケンコウカガク</t>
    </rPh>
    <phoneticPr fontId="1"/>
  </si>
  <si>
    <t>本学、東京、吹田</t>
    <rPh sb="3" eb="5">
      <t>トウキョウ</t>
    </rPh>
    <rPh sb="6" eb="8">
      <t>スイタ</t>
    </rPh>
    <phoneticPr fontId="1"/>
  </si>
  <si>
    <t>本学、札幌、仙台、東京、金沢、名古屋、大阪、岡山</t>
    <rPh sb="12" eb="14">
      <t>カナザワ</t>
    </rPh>
    <rPh sb="22" eb="24">
      <t>オカヤマ</t>
    </rPh>
    <phoneticPr fontId="1"/>
  </si>
  <si>
    <t>全学科（都市・交通デザイン学科を除く）</t>
    <rPh sb="0" eb="1">
      <t>ゼン</t>
    </rPh>
    <rPh sb="1" eb="3">
      <t>ガッカ</t>
    </rPh>
    <rPh sb="4" eb="6">
      <t>トシ</t>
    </rPh>
    <rPh sb="7" eb="9">
      <t>コウツウ</t>
    </rPh>
    <rPh sb="13" eb="15">
      <t>ガッカ</t>
    </rPh>
    <rPh sb="16" eb="17">
      <t>ノゾ</t>
    </rPh>
    <phoneticPr fontId="1"/>
  </si>
  <si>
    <t>本学、広島、岡山、福岡</t>
    <rPh sb="0" eb="2">
      <t>ホンガク</t>
    </rPh>
    <rPh sb="3" eb="5">
      <t>ヒロシマ</t>
    </rPh>
    <rPh sb="6" eb="8">
      <t>オカヤマ</t>
    </rPh>
    <rPh sb="9" eb="11">
      <t>フクオカ</t>
    </rPh>
    <phoneticPr fontId="1"/>
  </si>
  <si>
    <t>小樽商科</t>
    <rPh sb="0" eb="4">
      <t>ヒロシママツヤマキタキュウシュウフクオカオオイタ</t>
    </rPh>
    <phoneticPr fontId="1"/>
  </si>
  <si>
    <t>本学、札幌</t>
    <rPh sb="0" eb="2">
      <t>ホンガク</t>
    </rPh>
    <rPh sb="3" eb="5">
      <t>サッポロ</t>
    </rPh>
    <phoneticPr fontId="1"/>
  </si>
  <si>
    <t>本学、旭川、函館、釧路、仙台、東京、大阪</t>
    <rPh sb="0" eb="2">
      <t>ホンガク</t>
    </rPh>
    <rPh sb="3" eb="5">
      <t>アサヒカワ</t>
    </rPh>
    <rPh sb="6" eb="8">
      <t>ハコダテ</t>
    </rPh>
    <rPh sb="9" eb="11">
      <t>クシロ</t>
    </rPh>
    <rPh sb="12" eb="14">
      <t>センダイ</t>
    </rPh>
    <rPh sb="15" eb="17">
      <t>トウキョウ</t>
    </rPh>
    <rPh sb="18" eb="20">
      <t>オオサカ</t>
    </rPh>
    <phoneticPr fontId="1"/>
  </si>
  <si>
    <t>九州歯科</t>
    <rPh sb="0" eb="2">
      <t>キュウシュウ</t>
    </rPh>
    <rPh sb="2" eb="4">
      <t>シカ</t>
    </rPh>
    <phoneticPr fontId="1"/>
  </si>
  <si>
    <t>経済、データサイエンス</t>
    <rPh sb="0" eb="2">
      <t>ケイザイ</t>
    </rPh>
    <phoneticPr fontId="1"/>
  </si>
  <si>
    <t>人間健康科学</t>
    <rPh sb="0" eb="4">
      <t>ニンゲンケンコウ</t>
    </rPh>
    <rPh sb="4" eb="6">
      <t>カガク</t>
    </rPh>
    <phoneticPr fontId="1"/>
  </si>
  <si>
    <t>筑波技術</t>
    <rPh sb="0" eb="4">
      <t>ツクバギジュツ</t>
    </rPh>
    <phoneticPr fontId="1"/>
  </si>
  <si>
    <t>理工、医、情報</t>
    <rPh sb="0" eb="2">
      <t>リコウ</t>
    </rPh>
    <rPh sb="3" eb="4">
      <t>イ</t>
    </rPh>
    <rPh sb="5" eb="7">
      <t>ジョウホウ</t>
    </rPh>
    <phoneticPr fontId="1"/>
  </si>
  <si>
    <t>工、情報工</t>
    <rPh sb="2" eb="5">
      <t>ジョウホウコウ</t>
    </rPh>
    <phoneticPr fontId="1"/>
  </si>
  <si>
    <t>全学科（スポーツ健康学科、看護学科を除く）</t>
    <rPh sb="1" eb="3">
      <t>ガッカ</t>
    </rPh>
    <rPh sb="8" eb="12">
      <t>ケンコウガッカ</t>
    </rPh>
    <rPh sb="13" eb="17">
      <t>カンゴガッカ</t>
    </rPh>
    <rPh sb="18" eb="19">
      <t>ノゾ</t>
    </rPh>
    <phoneticPr fontId="1"/>
  </si>
  <si>
    <t>理、工、都市デザイン</t>
    <rPh sb="0" eb="1">
      <t>リ</t>
    </rPh>
    <phoneticPr fontId="1"/>
  </si>
  <si>
    <t>人文、経法</t>
    <rPh sb="0" eb="2">
      <t>ジンブン</t>
    </rPh>
    <phoneticPr fontId="1"/>
  </si>
  <si>
    <t>生産システム科学</t>
    <rPh sb="0" eb="2">
      <t>セイサン</t>
    </rPh>
    <rPh sb="6" eb="8">
      <t>カガク</t>
    </rPh>
    <phoneticPr fontId="1"/>
  </si>
  <si>
    <t>本学、さいたま、福井、名古屋、大阪</t>
    <rPh sb="8" eb="10">
      <t>フクイ</t>
    </rPh>
    <rPh sb="11" eb="12">
      <t>ナ</t>
    </rPh>
    <phoneticPr fontId="1"/>
  </si>
  <si>
    <t>地域資源創成、農</t>
    <rPh sb="0" eb="6">
      <t>チイキシゲンソウセイ</t>
    </rPh>
    <rPh sb="7" eb="8">
      <t>ノウ</t>
    </rPh>
    <phoneticPr fontId="1"/>
  </si>
  <si>
    <t>本学、横浜</t>
    <rPh sb="0" eb="2">
      <t>ホンガク</t>
    </rPh>
    <rPh sb="3" eb="5">
      <t>ヨコハマ</t>
    </rPh>
    <phoneticPr fontId="1"/>
  </si>
  <si>
    <t>情報データ科学、国際資源、総合環境理工</t>
    <rPh sb="0" eb="2">
      <t>ジョウホウ</t>
    </rPh>
    <rPh sb="5" eb="7">
      <t>カガク</t>
    </rPh>
    <rPh sb="8" eb="10">
      <t>コクサイ</t>
    </rPh>
    <rPh sb="10" eb="12">
      <t>シゲン</t>
    </rPh>
    <rPh sb="13" eb="17">
      <t>ソウゴウカンキョウ</t>
    </rPh>
    <rPh sb="17" eb="18">
      <t>リ</t>
    </rPh>
    <rPh sb="18" eb="19">
      <t>コウ</t>
    </rPh>
    <phoneticPr fontId="1"/>
  </si>
  <si>
    <t>全学科（看護学科を除く）</t>
    <rPh sb="0" eb="1">
      <t>ゼン</t>
    </rPh>
    <rPh sb="1" eb="3">
      <t>ガッカ</t>
    </rPh>
    <rPh sb="4" eb="6">
      <t>カンゴ</t>
    </rPh>
    <rPh sb="6" eb="8">
      <t>ガッカ</t>
    </rPh>
    <rPh sb="9" eb="10">
      <t>ノゾ</t>
    </rPh>
    <phoneticPr fontId="1"/>
  </si>
  <si>
    <t>全学類・学科（医学科、保健学科看護学専攻を除く）</t>
    <rPh sb="1" eb="2">
      <t>ガク</t>
    </rPh>
    <rPh sb="2" eb="3">
      <t>ルイ</t>
    </rPh>
    <rPh sb="4" eb="6">
      <t>ガッカ</t>
    </rPh>
    <rPh sb="7" eb="10">
      <t>イガクカ</t>
    </rPh>
    <rPh sb="11" eb="15">
      <t>ホケンガッカ</t>
    </rPh>
    <rPh sb="15" eb="20">
      <t>カンゴガクセンコウ</t>
    </rPh>
    <rPh sb="21" eb="22">
      <t>ノゾ</t>
    </rPh>
    <phoneticPr fontId="1"/>
  </si>
  <si>
    <t>２０２６年度　国公立大学　地方試験会場一覧</t>
    <rPh sb="7" eb="10">
      <t>コッコウリツ</t>
    </rPh>
    <rPh sb="10" eb="11">
      <t>ダイ</t>
    </rPh>
    <rPh sb="11" eb="12">
      <t>ガク</t>
    </rPh>
    <rPh sb="13" eb="15">
      <t>チホウ</t>
    </rPh>
    <rPh sb="15" eb="17">
      <t>シケン</t>
    </rPh>
    <rPh sb="17" eb="19">
      <t>カイジョウ</t>
    </rPh>
    <rPh sb="19" eb="21">
      <t>イチラン</t>
    </rPh>
    <phoneticPr fontId="1"/>
  </si>
  <si>
    <t>宮崎</t>
    <phoneticPr fontId="1"/>
  </si>
  <si>
    <t>2/7</t>
    <phoneticPr fontId="1"/>
  </si>
  <si>
    <t>2/21</t>
    <phoneticPr fontId="1"/>
  </si>
  <si>
    <t>2/8</t>
    <phoneticPr fontId="1"/>
  </si>
  <si>
    <t>国際経済</t>
    <rPh sb="0" eb="2">
      <t>コクサイ</t>
    </rPh>
    <rPh sb="2" eb="4">
      <t>ケイザイ</t>
    </rPh>
    <phoneticPr fontId="1"/>
  </si>
  <si>
    <t>公立小松</t>
    <rPh sb="0" eb="4">
      <t>コウリツコマツ</t>
    </rPh>
    <phoneticPr fontId="1"/>
  </si>
  <si>
    <t>恐竜</t>
    <rPh sb="0" eb="2">
      <t>キョウリュウ</t>
    </rPh>
    <phoneticPr fontId="1"/>
  </si>
  <si>
    <t>本学、岐阜*、★福岡</t>
    <rPh sb="0" eb="2">
      <t>ホンガク</t>
    </rPh>
    <rPh sb="3" eb="5">
      <t>ギフ</t>
    </rPh>
    <rPh sb="8" eb="10">
      <t>フクオカ</t>
    </rPh>
    <phoneticPr fontId="1"/>
  </si>
  <si>
    <t>本学、大阪、岡山、広島、松山、福岡、大分、鹿児島</t>
    <rPh sb="12" eb="14">
      <t>マツヤマ</t>
    </rPh>
    <rPh sb="15" eb="17">
      <t>フクオカ</t>
    </rPh>
    <rPh sb="18" eb="20">
      <t>オオイタ</t>
    </rPh>
    <rPh sb="21" eb="24">
      <t>カゴシマ</t>
    </rPh>
    <phoneticPr fontId="1"/>
  </si>
  <si>
    <t>本学、札幌</t>
    <phoneticPr fontId="1"/>
  </si>
  <si>
    <t>理工、農</t>
    <rPh sb="0" eb="1">
      <t>リ</t>
    </rPh>
    <rPh sb="1" eb="2">
      <t>コウ</t>
    </rPh>
    <rPh sb="3" eb="4">
      <t>ノウ</t>
    </rPh>
    <phoneticPr fontId="1"/>
  </si>
  <si>
    <t>全課程・学科（学校－初等中等教育コース（一般型（実技選択者、英語型）を除く）</t>
    <rPh sb="1" eb="3">
      <t>カテイ</t>
    </rPh>
    <rPh sb="4" eb="6">
      <t>ガッカ</t>
    </rPh>
    <rPh sb="7" eb="9">
      <t>ガッコウ</t>
    </rPh>
    <rPh sb="10" eb="12">
      <t>ショトウ</t>
    </rPh>
    <rPh sb="12" eb="14">
      <t>チュウトウ</t>
    </rPh>
    <rPh sb="14" eb="16">
      <t>キョウイク</t>
    </rPh>
    <rPh sb="20" eb="22">
      <t>イッパン</t>
    </rPh>
    <rPh sb="22" eb="23">
      <t>ガタ</t>
    </rPh>
    <rPh sb="24" eb="26">
      <t>ジツギ</t>
    </rPh>
    <rPh sb="26" eb="29">
      <t>センタクシャ</t>
    </rPh>
    <rPh sb="30" eb="32">
      <t>エイゴ</t>
    </rPh>
    <rPh sb="32" eb="33">
      <t>ガタ</t>
    </rPh>
    <phoneticPr fontId="1"/>
  </si>
  <si>
    <t>本学、札幌、東京、名古屋、大阪、★福岡</t>
    <rPh sb="0" eb="2">
      <t>ホンガク</t>
    </rPh>
    <rPh sb="6" eb="8">
      <t>トウキョウ</t>
    </rPh>
    <rPh sb="13" eb="15">
      <t>オオサカ</t>
    </rPh>
    <rPh sb="17" eb="19">
      <t>フクオカ</t>
    </rPh>
    <phoneticPr fontId="1"/>
  </si>
  <si>
    <t>★地域政策、経済、生物資源、海洋生物資源、看護福祉</t>
    <rPh sb="1" eb="5">
      <t>チイキセイサク</t>
    </rPh>
    <rPh sb="9" eb="11">
      <t>セイブツ</t>
    </rPh>
    <rPh sb="11" eb="13">
      <t>シゲン</t>
    </rPh>
    <rPh sb="14" eb="16">
      <t>カイヨウ</t>
    </rPh>
    <rPh sb="16" eb="18">
      <t>セイブツ</t>
    </rPh>
    <rPh sb="18" eb="20">
      <t>シゲン</t>
    </rPh>
    <rPh sb="21" eb="23">
      <t>カンゴ</t>
    </rPh>
    <rPh sb="23" eb="25">
      <t>フクシ</t>
    </rPh>
    <phoneticPr fontId="1"/>
  </si>
  <si>
    <t>本学、仙台、東京、新潟、富山、名古屋</t>
    <rPh sb="0" eb="2">
      <t>ホンガク</t>
    </rPh>
    <rPh sb="3" eb="5">
      <t>センダイ</t>
    </rPh>
    <rPh sb="9" eb="11">
      <t>ニイガタ</t>
    </rPh>
    <rPh sb="15" eb="18">
      <t>ナゴヤ</t>
    </rPh>
    <phoneticPr fontId="1"/>
  </si>
  <si>
    <t>本学、さいたま、名古屋、大阪、米子、岡山、広島、福岡</t>
    <rPh sb="15" eb="16">
      <t>コメ</t>
    </rPh>
    <rPh sb="16" eb="17">
      <t>コ</t>
    </rPh>
    <rPh sb="18" eb="20">
      <t>オカヤマ</t>
    </rPh>
    <phoneticPr fontId="1"/>
  </si>
  <si>
    <t>本学、大阪、福岡、大分、★鹿児島</t>
    <rPh sb="9" eb="11">
      <t>オオイタ</t>
    </rPh>
    <rPh sb="13" eb="16">
      <t>カゴシマ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m/d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7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</font>
    <font>
      <b/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4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/>
      <right style="thin">
        <color indexed="64"/>
      </right>
      <top/>
      <bottom style="thin">
        <color theme="1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/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/>
      <right style="thin">
        <color indexed="8"/>
      </right>
      <top/>
      <bottom style="thin">
        <color indexed="64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indexed="8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64"/>
      </left>
      <right style="thin">
        <color indexed="8"/>
      </right>
      <top/>
      <bottom style="thin">
        <color indexed="8"/>
      </bottom>
      <diagonal/>
    </border>
  </borders>
  <cellStyleXfs count="2">
    <xf numFmtId="0" fontId="0" fillId="0" borderId="0">
      <alignment vertical="center"/>
    </xf>
    <xf numFmtId="0" fontId="6" fillId="0" borderId="0">
      <alignment vertical="center"/>
    </xf>
  </cellStyleXfs>
  <cellXfs count="135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left" vertical="top"/>
    </xf>
    <xf numFmtId="0" fontId="2" fillId="0" borderId="0" xfId="0" applyFont="1" applyAlignment="1">
      <alignment vertical="center" shrinkToFit="1"/>
    </xf>
    <xf numFmtId="0" fontId="3" fillId="0" borderId="0" xfId="0" applyFont="1" applyAlignment="1">
      <alignment horizontal="left" vertical="top" wrapText="1"/>
    </xf>
    <xf numFmtId="0" fontId="3" fillId="0" borderId="0" xfId="0" applyFont="1" applyAlignment="1">
      <alignment horizontal="center" vertical="top" wrapText="1"/>
    </xf>
    <xf numFmtId="176" fontId="3" fillId="0" borderId="0" xfId="0" applyNumberFormat="1" applyFont="1" applyAlignment="1">
      <alignment horizontal="center" vertical="top" wrapText="1"/>
    </xf>
    <xf numFmtId="0" fontId="3" fillId="0" borderId="0" xfId="0" applyFont="1" applyAlignment="1">
      <alignment vertical="top" wrapText="1"/>
    </xf>
    <xf numFmtId="0" fontId="3" fillId="0" borderId="0" xfId="0" applyFont="1" applyAlignment="1">
      <alignment vertical="top"/>
    </xf>
    <xf numFmtId="0" fontId="3" fillId="0" borderId="0" xfId="0" applyFont="1" applyAlignment="1">
      <alignment horizontal="left" vertical="top"/>
    </xf>
    <xf numFmtId="0" fontId="5" fillId="0" borderId="0" xfId="0" applyFont="1" applyAlignment="1">
      <alignment horizontal="left" vertical="top"/>
    </xf>
    <xf numFmtId="0" fontId="5" fillId="0" borderId="0" xfId="0" applyFont="1" applyAlignment="1">
      <alignment vertical="top"/>
    </xf>
    <xf numFmtId="0" fontId="8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14" fontId="2" fillId="0" borderId="0" xfId="0" applyNumberFormat="1" applyFont="1" applyAlignment="1">
      <alignment horizontal="right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left" vertical="top" shrinkToFit="1"/>
    </xf>
    <xf numFmtId="0" fontId="7" fillId="0" borderId="0" xfId="0" applyFont="1" applyAlignment="1">
      <alignment horizontal="left" vertical="top"/>
    </xf>
    <xf numFmtId="0" fontId="7" fillId="0" borderId="0" xfId="0" applyFont="1">
      <alignment vertical="center"/>
    </xf>
    <xf numFmtId="0" fontId="7" fillId="0" borderId="2" xfId="0" applyFont="1" applyBorder="1" applyAlignment="1">
      <alignment horizontal="left" vertical="top"/>
    </xf>
    <xf numFmtId="0" fontId="2" fillId="2" borderId="32" xfId="0" applyFont="1" applyFill="1" applyBorder="1" applyAlignment="1">
      <alignment horizontal="center" vertical="center" shrinkToFit="1"/>
    </xf>
    <xf numFmtId="0" fontId="2" fillId="2" borderId="29" xfId="0" applyFont="1" applyFill="1" applyBorder="1" applyAlignment="1">
      <alignment horizontal="center" vertical="center" wrapText="1"/>
    </xf>
    <xf numFmtId="0" fontId="2" fillId="2" borderId="29" xfId="0" applyFont="1" applyFill="1" applyBorder="1" applyAlignment="1">
      <alignment horizontal="center" vertical="center"/>
    </xf>
    <xf numFmtId="0" fontId="7" fillId="0" borderId="26" xfId="0" applyFont="1" applyBorder="1" applyAlignment="1">
      <alignment vertical="top"/>
    </xf>
    <xf numFmtId="0" fontId="3" fillId="0" borderId="5" xfId="0" applyFont="1" applyBorder="1" applyAlignment="1">
      <alignment horizontal="center" vertical="top" wrapText="1"/>
    </xf>
    <xf numFmtId="49" fontId="3" fillId="0" borderId="5" xfId="0" applyNumberFormat="1" applyFont="1" applyBorder="1" applyAlignment="1">
      <alignment horizontal="center" vertical="top" wrapText="1"/>
    </xf>
    <xf numFmtId="0" fontId="3" fillId="0" borderId="5" xfId="0" applyFont="1" applyBorder="1" applyAlignment="1">
      <alignment vertical="top" wrapText="1"/>
    </xf>
    <xf numFmtId="0" fontId="3" fillId="0" borderId="10" xfId="0" applyFont="1" applyBorder="1" applyAlignment="1">
      <alignment horizontal="left" vertical="top" wrapText="1"/>
    </xf>
    <xf numFmtId="0" fontId="3" fillId="0" borderId="33" xfId="0" applyFont="1" applyBorder="1" applyAlignment="1">
      <alignment horizontal="left" vertical="top" wrapText="1"/>
    </xf>
    <xf numFmtId="0" fontId="3" fillId="0" borderId="8" xfId="0" applyFont="1" applyBorder="1" applyAlignment="1">
      <alignment horizontal="center" vertical="top" wrapText="1"/>
    </xf>
    <xf numFmtId="49" fontId="3" fillId="0" borderId="8" xfId="0" applyNumberFormat="1" applyFont="1" applyBorder="1" applyAlignment="1">
      <alignment horizontal="center" vertical="top" wrapText="1"/>
    </xf>
    <xf numFmtId="0" fontId="3" fillId="0" borderId="8" xfId="0" applyFont="1" applyBorder="1" applyAlignment="1">
      <alignment vertical="top" wrapText="1"/>
    </xf>
    <xf numFmtId="0" fontId="3" fillId="0" borderId="13" xfId="0" applyFont="1" applyBorder="1" applyAlignment="1">
      <alignment horizontal="left" vertical="top" shrinkToFit="1"/>
    </xf>
    <xf numFmtId="0" fontId="3" fillId="0" borderId="13" xfId="0" applyFont="1" applyBorder="1" applyAlignment="1">
      <alignment horizontal="left" vertical="top" wrapText="1"/>
    </xf>
    <xf numFmtId="0" fontId="3" fillId="0" borderId="13" xfId="0" applyFont="1" applyBorder="1" applyAlignment="1">
      <alignment horizontal="center" vertical="top" wrapText="1"/>
    </xf>
    <xf numFmtId="49" fontId="3" fillId="0" borderId="13" xfId="0" applyNumberFormat="1" applyFont="1" applyBorder="1" applyAlignment="1">
      <alignment horizontal="center" vertical="top" wrapText="1"/>
    </xf>
    <xf numFmtId="0" fontId="3" fillId="0" borderId="13" xfId="0" applyFont="1" applyBorder="1" applyAlignment="1">
      <alignment vertical="top" wrapText="1"/>
    </xf>
    <xf numFmtId="0" fontId="3" fillId="0" borderId="5" xfId="0" applyFont="1" applyBorder="1" applyAlignment="1">
      <alignment horizontal="left" vertical="top" shrinkToFit="1"/>
    </xf>
    <xf numFmtId="0" fontId="3" fillId="0" borderId="5" xfId="0" applyFont="1" applyBorder="1" applyAlignment="1">
      <alignment horizontal="left" vertical="top" wrapText="1"/>
    </xf>
    <xf numFmtId="0" fontId="3" fillId="0" borderId="10" xfId="0" applyFont="1" applyBorder="1" applyAlignment="1">
      <alignment horizontal="left" vertical="top" shrinkToFit="1"/>
    </xf>
    <xf numFmtId="0" fontId="3" fillId="0" borderId="8" xfId="0" applyFont="1" applyBorder="1" applyAlignment="1">
      <alignment horizontal="left" vertical="top" shrinkToFit="1"/>
    </xf>
    <xf numFmtId="0" fontId="3" fillId="0" borderId="8" xfId="0" applyFont="1" applyBorder="1" applyAlignment="1">
      <alignment horizontal="left" vertical="top" wrapText="1"/>
    </xf>
    <xf numFmtId="0" fontId="3" fillId="0" borderId="11" xfId="0" applyFont="1" applyBorder="1" applyAlignment="1">
      <alignment horizontal="left" vertical="top" wrapText="1"/>
    </xf>
    <xf numFmtId="0" fontId="3" fillId="0" borderId="23" xfId="0" applyFont="1" applyBorder="1" applyAlignment="1">
      <alignment horizontal="left" vertical="top" wrapText="1"/>
    </xf>
    <xf numFmtId="0" fontId="3" fillId="0" borderId="29" xfId="0" applyFont="1" applyBorder="1" applyAlignment="1">
      <alignment horizontal="center" vertical="top" wrapText="1"/>
    </xf>
    <xf numFmtId="0" fontId="3" fillId="0" borderId="10" xfId="0" applyFont="1" applyBorder="1" applyAlignment="1">
      <alignment horizontal="center" vertical="top" wrapText="1"/>
    </xf>
    <xf numFmtId="49" fontId="3" fillId="0" borderId="11" xfId="0" applyNumberFormat="1" applyFont="1" applyBorder="1" applyAlignment="1">
      <alignment horizontal="center" vertical="top" wrapText="1"/>
    </xf>
    <xf numFmtId="0" fontId="3" fillId="0" borderId="29" xfId="0" applyFont="1" applyBorder="1" applyAlignment="1">
      <alignment vertical="top" wrapText="1"/>
    </xf>
    <xf numFmtId="0" fontId="3" fillId="0" borderId="12" xfId="0" applyFont="1" applyBorder="1" applyAlignment="1">
      <alignment horizontal="left" vertical="top" wrapText="1"/>
    </xf>
    <xf numFmtId="0" fontId="3" fillId="0" borderId="13" xfId="0" applyFont="1" applyBorder="1" applyAlignment="1">
      <alignment horizontal="left" vertical="top"/>
    </xf>
    <xf numFmtId="0" fontId="3" fillId="0" borderId="13" xfId="0" applyFont="1" applyBorder="1" applyAlignment="1">
      <alignment horizontal="center" vertical="top"/>
    </xf>
    <xf numFmtId="0" fontId="3" fillId="0" borderId="10" xfId="0" applyFont="1" applyBorder="1" applyAlignment="1">
      <alignment vertical="top" shrinkToFit="1"/>
    </xf>
    <xf numFmtId="0" fontId="3" fillId="0" borderId="35" xfId="0" applyFont="1" applyBorder="1" applyAlignment="1">
      <alignment vertical="top" shrinkToFit="1"/>
    </xf>
    <xf numFmtId="0" fontId="3" fillId="0" borderId="35" xfId="0" applyFont="1" applyBorder="1" applyAlignment="1">
      <alignment vertical="top" wrapText="1"/>
    </xf>
    <xf numFmtId="0" fontId="3" fillId="0" borderId="13" xfId="0" applyFont="1" applyBorder="1" applyAlignment="1">
      <alignment vertical="top"/>
    </xf>
    <xf numFmtId="0" fontId="3" fillId="0" borderId="7" xfId="0" applyFont="1" applyBorder="1" applyAlignment="1">
      <alignment horizontal="left" vertical="top" wrapText="1"/>
    </xf>
    <xf numFmtId="0" fontId="3" fillId="0" borderId="28" xfId="0" applyFont="1" applyBorder="1" applyAlignment="1">
      <alignment horizontal="left" vertical="top" shrinkToFit="1"/>
    </xf>
    <xf numFmtId="0" fontId="3" fillId="0" borderId="1" xfId="0" applyFont="1" applyBorder="1" applyAlignment="1">
      <alignment horizontal="left" vertical="top" wrapText="1"/>
    </xf>
    <xf numFmtId="0" fontId="3" fillId="0" borderId="14" xfId="0" applyFont="1" applyBorder="1" applyAlignment="1">
      <alignment horizontal="left" vertical="top" shrinkToFit="1"/>
    </xf>
    <xf numFmtId="0" fontId="3" fillId="0" borderId="14" xfId="0" applyFont="1" applyBorder="1" applyAlignment="1">
      <alignment horizontal="left" vertical="top" wrapText="1"/>
    </xf>
    <xf numFmtId="0" fontId="3" fillId="0" borderId="21" xfId="0" applyFont="1" applyBorder="1" applyAlignment="1">
      <alignment vertical="top" wrapText="1"/>
    </xf>
    <xf numFmtId="0" fontId="3" fillId="0" borderId="11" xfId="0" applyFont="1" applyBorder="1" applyAlignment="1">
      <alignment horizontal="left" vertical="top" shrinkToFit="1"/>
    </xf>
    <xf numFmtId="0" fontId="3" fillId="0" borderId="30" xfId="0" applyFont="1" applyBorder="1" applyAlignment="1">
      <alignment horizontal="left" vertical="top" shrinkToFit="1"/>
    </xf>
    <xf numFmtId="0" fontId="3" fillId="0" borderId="3" xfId="0" applyFont="1" applyBorder="1" applyAlignment="1">
      <alignment horizontal="left" vertical="top" shrinkToFit="1"/>
    </xf>
    <xf numFmtId="0" fontId="3" fillId="0" borderId="3" xfId="0" applyFont="1" applyBorder="1" applyAlignment="1">
      <alignment horizontal="center" vertical="top" shrinkToFit="1"/>
    </xf>
    <xf numFmtId="0" fontId="3" fillId="0" borderId="24" xfId="0" applyFont="1" applyBorder="1" applyAlignment="1">
      <alignment horizontal="center" vertical="top" wrapText="1"/>
    </xf>
    <xf numFmtId="49" fontId="3" fillId="0" borderId="24" xfId="0" applyNumberFormat="1" applyFont="1" applyBorder="1" applyAlignment="1">
      <alignment horizontal="center" vertical="top" wrapText="1"/>
    </xf>
    <xf numFmtId="0" fontId="3" fillId="0" borderId="9" xfId="0" applyFont="1" applyBorder="1" applyAlignment="1">
      <alignment horizontal="left" vertical="top" wrapText="1"/>
    </xf>
    <xf numFmtId="0" fontId="3" fillId="0" borderId="16" xfId="0" applyFont="1" applyBorder="1" applyAlignment="1">
      <alignment horizontal="left" vertical="top" wrapText="1"/>
    </xf>
    <xf numFmtId="0" fontId="3" fillId="0" borderId="16" xfId="0" applyFont="1" applyBorder="1" applyAlignment="1">
      <alignment horizontal="center" vertical="top" wrapText="1"/>
    </xf>
    <xf numFmtId="49" fontId="3" fillId="0" borderId="16" xfId="0" applyNumberFormat="1" applyFont="1" applyBorder="1" applyAlignment="1">
      <alignment horizontal="center" vertical="top" wrapText="1"/>
    </xf>
    <xf numFmtId="0" fontId="3" fillId="0" borderId="16" xfId="0" applyFont="1" applyBorder="1" applyAlignment="1">
      <alignment vertical="top" wrapText="1"/>
    </xf>
    <xf numFmtId="0" fontId="3" fillId="0" borderId="25" xfId="0" applyFont="1" applyBorder="1" applyAlignment="1">
      <alignment horizontal="left" vertical="top" wrapText="1"/>
    </xf>
    <xf numFmtId="0" fontId="3" fillId="0" borderId="18" xfId="0" applyFont="1" applyBorder="1" applyAlignment="1">
      <alignment vertical="top" wrapText="1"/>
    </xf>
    <xf numFmtId="0" fontId="3" fillId="0" borderId="1" xfId="0" applyFont="1" applyBorder="1" applyAlignment="1">
      <alignment vertical="top" shrinkToFit="1"/>
    </xf>
    <xf numFmtId="0" fontId="3" fillId="0" borderId="1" xfId="0" applyFont="1" applyBorder="1" applyAlignment="1">
      <alignment vertical="top" wrapText="1"/>
    </xf>
    <xf numFmtId="0" fontId="3" fillId="0" borderId="1" xfId="0" applyFont="1" applyBorder="1" applyAlignment="1">
      <alignment horizontal="center" vertical="top" wrapText="1"/>
    </xf>
    <xf numFmtId="49" fontId="3" fillId="0" borderId="1" xfId="0" applyNumberFormat="1" applyFont="1" applyBorder="1" applyAlignment="1">
      <alignment horizontal="center" vertical="top" wrapText="1"/>
    </xf>
    <xf numFmtId="0" fontId="3" fillId="0" borderId="36" xfId="0" applyFont="1" applyBorder="1" applyAlignment="1">
      <alignment horizontal="center" vertical="top" wrapText="1"/>
    </xf>
    <xf numFmtId="0" fontId="3" fillId="0" borderId="37" xfId="0" applyFont="1" applyBorder="1" applyAlignment="1">
      <alignment horizontal="center" vertical="top" wrapText="1"/>
    </xf>
    <xf numFmtId="49" fontId="3" fillId="0" borderId="20" xfId="0" applyNumberFormat="1" applyFont="1" applyBorder="1" applyAlignment="1">
      <alignment horizontal="center" vertical="top" wrapText="1"/>
    </xf>
    <xf numFmtId="0" fontId="3" fillId="0" borderId="17" xfId="0" applyFont="1" applyBorder="1" applyAlignment="1">
      <alignment vertical="top" wrapText="1"/>
    </xf>
    <xf numFmtId="0" fontId="3" fillId="0" borderId="11" xfId="0" applyFont="1" applyBorder="1" applyAlignment="1">
      <alignment horizontal="center" vertical="top" wrapText="1"/>
    </xf>
    <xf numFmtId="0" fontId="3" fillId="0" borderId="11" xfId="0" applyFont="1" applyBorder="1" applyAlignment="1">
      <alignment vertical="top" wrapText="1"/>
    </xf>
    <xf numFmtId="0" fontId="3" fillId="0" borderId="15" xfId="0" applyFont="1" applyBorder="1" applyAlignment="1">
      <alignment vertical="top"/>
    </xf>
    <xf numFmtId="0" fontId="3" fillId="0" borderId="15" xfId="0" applyFont="1" applyBorder="1" applyAlignment="1">
      <alignment horizontal="left" vertical="top" wrapText="1"/>
    </xf>
    <xf numFmtId="0" fontId="3" fillId="0" borderId="15" xfId="0" applyFont="1" applyBorder="1" applyAlignment="1">
      <alignment horizontal="center" vertical="top" wrapText="1"/>
    </xf>
    <xf numFmtId="49" fontId="3" fillId="0" borderId="7" xfId="0" applyNumberFormat="1" applyFont="1" applyBorder="1" applyAlignment="1">
      <alignment horizontal="center" vertical="top" wrapText="1"/>
    </xf>
    <xf numFmtId="0" fontId="3" fillId="0" borderId="38" xfId="0" applyFont="1" applyBorder="1" applyAlignment="1">
      <alignment vertical="top" shrinkToFit="1"/>
    </xf>
    <xf numFmtId="0" fontId="3" fillId="0" borderId="39" xfId="0" applyFont="1" applyBorder="1" applyAlignment="1">
      <alignment vertical="top" shrinkToFit="1"/>
    </xf>
    <xf numFmtId="0" fontId="3" fillId="0" borderId="2" xfId="0" applyFont="1" applyBorder="1" applyAlignment="1">
      <alignment horizontal="left" vertical="top"/>
    </xf>
    <xf numFmtId="0" fontId="4" fillId="0" borderId="0" xfId="0" applyFont="1" applyAlignment="1">
      <alignment horizontal="center" vertical="center"/>
    </xf>
    <xf numFmtId="0" fontId="3" fillId="0" borderId="21" xfId="0" applyFont="1" applyBorder="1" applyAlignment="1">
      <alignment vertical="top" wrapText="1"/>
    </xf>
    <xf numFmtId="0" fontId="3" fillId="0" borderId="41" xfId="0" applyFont="1" applyBorder="1" applyAlignment="1">
      <alignment vertical="top" wrapText="1"/>
    </xf>
    <xf numFmtId="0" fontId="3" fillId="0" borderId="34" xfId="0" applyFont="1" applyBorder="1" applyAlignment="1">
      <alignment vertical="top" shrinkToFit="1"/>
    </xf>
    <xf numFmtId="0" fontId="3" fillId="0" borderId="42" xfId="0" applyFont="1" applyBorder="1" applyAlignment="1">
      <alignment vertical="top" shrinkToFit="1"/>
    </xf>
    <xf numFmtId="0" fontId="7" fillId="0" borderId="26" xfId="0" applyFont="1" applyBorder="1" applyAlignment="1">
      <alignment horizontal="left" vertical="top"/>
    </xf>
    <xf numFmtId="0" fontId="3" fillId="0" borderId="28" xfId="0" applyFont="1" applyBorder="1" applyAlignment="1">
      <alignment vertical="top" shrinkToFit="1"/>
    </xf>
    <xf numFmtId="0" fontId="3" fillId="0" borderId="28" xfId="0" applyFont="1" applyBorder="1" applyAlignment="1">
      <alignment vertical="top" wrapText="1"/>
    </xf>
    <xf numFmtId="0" fontId="7" fillId="0" borderId="2" xfId="0" applyFont="1" applyBorder="1" applyAlignment="1">
      <alignment horizontal="left" vertical="top"/>
    </xf>
    <xf numFmtId="0" fontId="3" fillId="0" borderId="27" xfId="0" applyFont="1" applyBorder="1" applyAlignment="1">
      <alignment vertical="top" shrinkToFit="1"/>
    </xf>
    <xf numFmtId="0" fontId="3" fillId="0" borderId="33" xfId="0" applyFont="1" applyBorder="1" applyAlignment="1">
      <alignment vertical="top" shrinkToFit="1"/>
    </xf>
    <xf numFmtId="0" fontId="3" fillId="0" borderId="27" xfId="0" applyFont="1" applyBorder="1" applyAlignment="1">
      <alignment horizontal="center" vertical="top" shrinkToFit="1"/>
    </xf>
    <xf numFmtId="0" fontId="3" fillId="0" borderId="33" xfId="0" applyFont="1" applyBorder="1" applyAlignment="1">
      <alignment horizontal="center" vertical="top" shrinkToFit="1"/>
    </xf>
    <xf numFmtId="0" fontId="3" fillId="0" borderId="27" xfId="0" applyFont="1" applyBorder="1" applyAlignment="1">
      <alignment vertical="top" wrapText="1"/>
    </xf>
    <xf numFmtId="0" fontId="3" fillId="0" borderId="40" xfId="0" applyFont="1" applyBorder="1" applyAlignment="1">
      <alignment vertical="top" wrapText="1"/>
    </xf>
    <xf numFmtId="0" fontId="3" fillId="0" borderId="10" xfId="0" applyFont="1" applyBorder="1" applyAlignment="1">
      <alignment vertical="top" shrinkToFit="1"/>
    </xf>
    <xf numFmtId="0" fontId="3" fillId="0" borderId="10" xfId="0" applyFont="1" applyBorder="1" applyAlignment="1">
      <alignment vertical="top" wrapText="1"/>
    </xf>
    <xf numFmtId="0" fontId="3" fillId="0" borderId="33" xfId="0" applyFont="1" applyBorder="1" applyAlignment="1">
      <alignment vertical="top" wrapText="1"/>
    </xf>
    <xf numFmtId="0" fontId="3" fillId="0" borderId="5" xfId="0" applyFont="1" applyBorder="1" applyAlignment="1">
      <alignment horizontal="left" vertical="top" wrapText="1"/>
    </xf>
    <xf numFmtId="0" fontId="3" fillId="0" borderId="14" xfId="0" applyFont="1" applyBorder="1" applyAlignment="1">
      <alignment horizontal="left" vertical="top" wrapText="1"/>
    </xf>
    <xf numFmtId="0" fontId="3" fillId="0" borderId="5" xfId="0" applyFont="1" applyBorder="1" applyAlignment="1">
      <alignment horizontal="left" vertical="top" shrinkToFit="1"/>
    </xf>
    <xf numFmtId="0" fontId="3" fillId="0" borderId="10" xfId="0" applyFont="1" applyBorder="1" applyAlignment="1">
      <alignment horizontal="left" vertical="top" shrinkToFit="1"/>
    </xf>
    <xf numFmtId="0" fontId="3" fillId="0" borderId="12" xfId="0" applyFont="1" applyBorder="1" applyAlignment="1">
      <alignment horizontal="left" vertical="top" shrinkToFit="1"/>
    </xf>
    <xf numFmtId="0" fontId="3" fillId="0" borderId="8" xfId="0" applyFont="1" applyBorder="1" applyAlignment="1">
      <alignment horizontal="left" vertical="top" wrapText="1"/>
    </xf>
    <xf numFmtId="0" fontId="3" fillId="0" borderId="8" xfId="0" applyFont="1" applyBorder="1" applyAlignment="1">
      <alignment horizontal="left" vertical="top" shrinkToFit="1"/>
    </xf>
    <xf numFmtId="0" fontId="3" fillId="0" borderId="10" xfId="0" applyFont="1" applyBorder="1" applyAlignment="1">
      <alignment horizontal="left" vertical="top" wrapText="1"/>
    </xf>
    <xf numFmtId="0" fontId="3" fillId="0" borderId="4" xfId="0" applyFont="1" applyBorder="1" applyAlignment="1">
      <alignment horizontal="left" vertical="top" shrinkToFit="1"/>
    </xf>
    <xf numFmtId="0" fontId="3" fillId="0" borderId="6" xfId="0" applyFont="1" applyBorder="1" applyAlignment="1">
      <alignment horizontal="left" vertical="top" shrinkToFit="1"/>
    </xf>
    <xf numFmtId="0" fontId="3" fillId="0" borderId="33" xfId="0" applyFont="1" applyBorder="1" applyAlignment="1">
      <alignment horizontal="left" vertical="top" shrinkToFit="1"/>
    </xf>
    <xf numFmtId="0" fontId="3" fillId="0" borderId="13" xfId="0" applyFont="1" applyBorder="1" applyAlignment="1">
      <alignment horizontal="left" vertical="top" shrinkToFit="1"/>
    </xf>
    <xf numFmtId="0" fontId="3" fillId="0" borderId="14" xfId="0" applyFont="1" applyBorder="1" applyAlignment="1">
      <alignment horizontal="left" vertical="top" shrinkToFit="1"/>
    </xf>
    <xf numFmtId="0" fontId="3" fillId="0" borderId="3" xfId="0" applyFont="1" applyBorder="1" applyAlignment="1">
      <alignment horizontal="left" vertical="top" wrapText="1"/>
    </xf>
    <xf numFmtId="0" fontId="3" fillId="0" borderId="31" xfId="0" applyFont="1" applyBorder="1" applyAlignment="1">
      <alignment vertical="top" wrapText="1"/>
    </xf>
    <xf numFmtId="0" fontId="3" fillId="0" borderId="5" xfId="0" applyFont="1" applyBorder="1" applyAlignment="1">
      <alignment horizontal="left" vertical="top" wrapText="1" shrinkToFit="1"/>
    </xf>
    <xf numFmtId="0" fontId="3" fillId="0" borderId="8" xfId="0" applyFont="1" applyBorder="1" applyAlignment="1">
      <alignment horizontal="left" vertical="top" wrapText="1" shrinkToFit="1"/>
    </xf>
    <xf numFmtId="0" fontId="3" fillId="0" borderId="22" xfId="0" applyFont="1" applyBorder="1" applyAlignment="1">
      <alignment horizontal="left" vertical="top" shrinkToFit="1"/>
    </xf>
    <xf numFmtId="0" fontId="3" fillId="0" borderId="23" xfId="0" applyFont="1" applyBorder="1" applyAlignment="1">
      <alignment horizontal="left" vertical="top" shrinkToFit="1"/>
    </xf>
    <xf numFmtId="0" fontId="3" fillId="0" borderId="22" xfId="0" applyFont="1" applyBorder="1" applyAlignment="1">
      <alignment horizontal="left" vertical="top" wrapText="1"/>
    </xf>
    <xf numFmtId="0" fontId="3" fillId="0" borderId="23" xfId="0" applyFont="1" applyBorder="1" applyAlignment="1">
      <alignment horizontal="left" vertical="top" wrapText="1"/>
    </xf>
    <xf numFmtId="0" fontId="3" fillId="0" borderId="19" xfId="0" applyFont="1" applyBorder="1" applyAlignment="1">
      <alignment horizontal="left" vertical="top" shrinkToFit="1"/>
    </xf>
    <xf numFmtId="0" fontId="3" fillId="0" borderId="25" xfId="0" applyFont="1" applyBorder="1" applyAlignment="1">
      <alignment horizontal="left" vertical="top" shrinkToFit="1"/>
    </xf>
    <xf numFmtId="0" fontId="3" fillId="0" borderId="19" xfId="0" applyFont="1" applyBorder="1" applyAlignment="1">
      <alignment horizontal="left" vertical="top" wrapText="1"/>
    </xf>
    <xf numFmtId="0" fontId="3" fillId="0" borderId="25" xfId="0" applyFont="1" applyBorder="1" applyAlignment="1">
      <alignment horizontal="left" vertical="top" wrapText="1"/>
    </xf>
    <xf numFmtId="0" fontId="3" fillId="0" borderId="26" xfId="0" applyFont="1" applyBorder="1" applyAlignment="1">
      <alignment horizontal="left" vertical="top"/>
    </xf>
  </cellXfs>
  <cellStyles count="2">
    <cellStyle name="標準" xfId="0" builtinId="0"/>
    <cellStyle name="標準 2" xfId="1" xr:uid="{00000000-0005-0000-0000-000002000000}"/>
  </cellStyles>
  <dxfs count="0"/>
  <tableStyles count="0" defaultTableStyle="TableStyleMedium2" defaultPivotStyle="PivotStyleLight16"/>
  <colors>
    <mruColors>
      <color rgb="FFFFCCCC"/>
      <color rgb="FFFF9999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80D64B-EB37-4ECB-B2F4-8D58CC0FCA12}">
  <sheetPr>
    <pageSetUpPr fitToPage="1"/>
  </sheetPr>
  <dimension ref="A1:G86"/>
  <sheetViews>
    <sheetView tabSelected="1" zoomScale="110" zoomScaleNormal="110" zoomScaleSheetLayoutView="120" workbookViewId="0"/>
  </sheetViews>
  <sheetFormatPr defaultColWidth="9" defaultRowHeight="10.8" x14ac:dyDescent="0.2"/>
  <cols>
    <col min="1" max="1" width="4.44140625" style="2" customWidth="1"/>
    <col min="2" max="2" width="13.44140625" style="3" customWidth="1"/>
    <col min="3" max="3" width="14.77734375" style="15" customWidth="1"/>
    <col min="4" max="4" width="21.88671875" style="1" customWidth="1"/>
    <col min="5" max="5" width="6.77734375" style="1" customWidth="1"/>
    <col min="6" max="6" width="8.109375" style="1" customWidth="1"/>
    <col min="7" max="7" width="32" style="1" customWidth="1"/>
    <col min="8" max="16384" width="9" style="1"/>
  </cols>
  <sheetData>
    <row r="1" spans="1:7" ht="19.2" x14ac:dyDescent="0.2">
      <c r="A1" s="16"/>
      <c r="B1" s="91" t="s">
        <v>200</v>
      </c>
      <c r="C1" s="91"/>
      <c r="D1" s="91"/>
      <c r="E1" s="91"/>
      <c r="F1" s="91"/>
      <c r="G1" s="91"/>
    </row>
    <row r="2" spans="1:7" s="11" customFormat="1" x14ac:dyDescent="0.2">
      <c r="A2" s="10"/>
      <c r="B2" s="12"/>
      <c r="C2" s="13"/>
      <c r="D2" s="12"/>
      <c r="E2" s="12"/>
      <c r="F2" s="12"/>
      <c r="G2" s="12"/>
    </row>
    <row r="3" spans="1:7" s="11" customFormat="1" x14ac:dyDescent="0.2">
      <c r="A3" s="10"/>
      <c r="B3" s="1" t="s">
        <v>98</v>
      </c>
      <c r="C3" s="1"/>
      <c r="D3" s="1"/>
      <c r="E3" s="1"/>
      <c r="F3" s="1"/>
      <c r="G3" s="1"/>
    </row>
    <row r="4" spans="1:7" x14ac:dyDescent="0.15">
      <c r="C4" s="13"/>
      <c r="D4" s="12"/>
      <c r="E4" s="12"/>
      <c r="F4" s="12"/>
      <c r="G4" s="14"/>
    </row>
    <row r="5" spans="1:7" x14ac:dyDescent="0.2">
      <c r="B5" s="20" t="s">
        <v>0</v>
      </c>
      <c r="C5" s="21" t="s">
        <v>1</v>
      </c>
      <c r="D5" s="22" t="s">
        <v>2</v>
      </c>
      <c r="E5" s="22" t="s">
        <v>3</v>
      </c>
      <c r="F5" s="22" t="s">
        <v>86</v>
      </c>
      <c r="G5" s="21" t="s">
        <v>4</v>
      </c>
    </row>
    <row r="6" spans="1:7" ht="30.75" customHeight="1" x14ac:dyDescent="0.2">
      <c r="A6" s="9">
        <v>1010</v>
      </c>
      <c r="B6" s="32" t="s">
        <v>181</v>
      </c>
      <c r="C6" s="33" t="s">
        <v>63</v>
      </c>
      <c r="D6" s="49"/>
      <c r="E6" s="50" t="s">
        <v>22</v>
      </c>
      <c r="F6" s="35" t="s">
        <v>99</v>
      </c>
      <c r="G6" s="33" t="s">
        <v>40</v>
      </c>
    </row>
    <row r="7" spans="1:7" x14ac:dyDescent="0.2">
      <c r="A7" s="9">
        <v>1020</v>
      </c>
      <c r="B7" s="37" t="s">
        <v>65</v>
      </c>
      <c r="C7" s="33" t="s">
        <v>19</v>
      </c>
      <c r="D7" s="49" t="s">
        <v>80</v>
      </c>
      <c r="E7" s="50" t="s">
        <v>18</v>
      </c>
      <c r="F7" s="35" t="s">
        <v>100</v>
      </c>
      <c r="G7" s="33" t="s">
        <v>151</v>
      </c>
    </row>
    <row r="8" spans="1:7" x14ac:dyDescent="0.2">
      <c r="A8" s="9">
        <v>1510</v>
      </c>
      <c r="B8" s="32" t="s">
        <v>101</v>
      </c>
      <c r="C8" s="33" t="s">
        <v>5</v>
      </c>
      <c r="D8" s="33"/>
      <c r="E8" s="34" t="s">
        <v>6</v>
      </c>
      <c r="F8" s="35" t="s">
        <v>102</v>
      </c>
      <c r="G8" s="36" t="s">
        <v>32</v>
      </c>
    </row>
    <row r="9" spans="1:7" x14ac:dyDescent="0.2">
      <c r="A9" s="96">
        <v>1509</v>
      </c>
      <c r="B9" s="100" t="s">
        <v>128</v>
      </c>
      <c r="C9" s="100" t="s">
        <v>124</v>
      </c>
      <c r="D9" s="102"/>
      <c r="E9" s="34" t="s">
        <v>114</v>
      </c>
      <c r="F9" s="35" t="s">
        <v>99</v>
      </c>
      <c r="G9" s="36" t="s">
        <v>183</v>
      </c>
    </row>
    <row r="10" spans="1:7" x14ac:dyDescent="0.2">
      <c r="A10" s="96"/>
      <c r="B10" s="101"/>
      <c r="C10" s="101"/>
      <c r="D10" s="103"/>
      <c r="E10" s="34" t="s">
        <v>143</v>
      </c>
      <c r="F10" s="35" t="s">
        <v>102</v>
      </c>
      <c r="G10" s="36" t="s">
        <v>142</v>
      </c>
    </row>
    <row r="11" spans="1:7" s="8" customFormat="1" ht="11.4" customHeight="1" x14ac:dyDescent="0.2">
      <c r="A11" s="17">
        <v>1507</v>
      </c>
      <c r="B11" s="37" t="s">
        <v>103</v>
      </c>
      <c r="C11" s="38" t="s">
        <v>17</v>
      </c>
      <c r="D11" s="33"/>
      <c r="E11" s="34" t="s">
        <v>7</v>
      </c>
      <c r="F11" s="35" t="s">
        <v>50</v>
      </c>
      <c r="G11" s="36" t="s">
        <v>41</v>
      </c>
    </row>
    <row r="12" spans="1:7" x14ac:dyDescent="0.2">
      <c r="A12" s="96">
        <v>1508</v>
      </c>
      <c r="B12" s="100" t="s">
        <v>130</v>
      </c>
      <c r="C12" s="104" t="s">
        <v>27</v>
      </c>
      <c r="D12" s="104" t="s">
        <v>198</v>
      </c>
      <c r="E12" s="34" t="s">
        <v>22</v>
      </c>
      <c r="F12" s="35" t="s">
        <v>99</v>
      </c>
      <c r="G12" s="36" t="s">
        <v>141</v>
      </c>
    </row>
    <row r="13" spans="1:7" x14ac:dyDescent="0.2">
      <c r="A13" s="96"/>
      <c r="B13" s="106"/>
      <c r="C13" s="107"/>
      <c r="D13" s="105"/>
      <c r="E13" s="24" t="s">
        <v>37</v>
      </c>
      <c r="F13" s="25" t="s">
        <v>131</v>
      </c>
      <c r="G13" s="26" t="s">
        <v>92</v>
      </c>
    </row>
    <row r="14" spans="1:7" ht="11.4" customHeight="1" x14ac:dyDescent="0.2">
      <c r="A14" s="96"/>
      <c r="B14" s="106"/>
      <c r="C14" s="107"/>
      <c r="D14" s="92" t="s">
        <v>61</v>
      </c>
      <c r="E14" s="24" t="s">
        <v>20</v>
      </c>
      <c r="F14" s="25" t="s">
        <v>99</v>
      </c>
      <c r="G14" s="26" t="s">
        <v>182</v>
      </c>
    </row>
    <row r="15" spans="1:7" x14ac:dyDescent="0.2">
      <c r="A15" s="96"/>
      <c r="B15" s="101"/>
      <c r="C15" s="108"/>
      <c r="D15" s="93"/>
      <c r="E15" s="24" t="s">
        <v>37</v>
      </c>
      <c r="F15" s="25" t="s">
        <v>131</v>
      </c>
      <c r="G15" s="26" t="s">
        <v>92</v>
      </c>
    </row>
    <row r="16" spans="1:7" ht="19.2" x14ac:dyDescent="0.2">
      <c r="A16" s="99">
        <v>1030</v>
      </c>
      <c r="B16" s="94" t="s">
        <v>66</v>
      </c>
      <c r="C16" s="33" t="s">
        <v>23</v>
      </c>
      <c r="D16" s="33" t="s">
        <v>82</v>
      </c>
      <c r="E16" s="50" t="s">
        <v>20</v>
      </c>
      <c r="F16" s="35" t="s">
        <v>99</v>
      </c>
      <c r="G16" s="33" t="s">
        <v>182</v>
      </c>
    </row>
    <row r="17" spans="1:7" ht="19.2" x14ac:dyDescent="0.2">
      <c r="A17" s="99"/>
      <c r="B17" s="95"/>
      <c r="C17" s="33" t="s">
        <v>166</v>
      </c>
      <c r="D17" s="49" t="s">
        <v>167</v>
      </c>
      <c r="E17" s="50" t="s">
        <v>20</v>
      </c>
      <c r="F17" s="35" t="s">
        <v>99</v>
      </c>
      <c r="G17" s="33" t="s">
        <v>210</v>
      </c>
    </row>
    <row r="18" spans="1:7" x14ac:dyDescent="0.2">
      <c r="A18" s="17">
        <v>1035</v>
      </c>
      <c r="B18" s="37" t="s">
        <v>67</v>
      </c>
      <c r="C18" s="33" t="s">
        <v>161</v>
      </c>
      <c r="D18" s="49" t="s">
        <v>81</v>
      </c>
      <c r="E18" s="50" t="s">
        <v>20</v>
      </c>
      <c r="F18" s="35" t="s">
        <v>99</v>
      </c>
      <c r="G18" s="33" t="s">
        <v>125</v>
      </c>
    </row>
    <row r="19" spans="1:7" x14ac:dyDescent="0.2">
      <c r="A19" s="17">
        <v>1513</v>
      </c>
      <c r="B19" s="37" t="s">
        <v>104</v>
      </c>
      <c r="C19" s="38" t="s">
        <v>11</v>
      </c>
      <c r="D19" s="33" t="s">
        <v>80</v>
      </c>
      <c r="E19" s="34" t="s">
        <v>7</v>
      </c>
      <c r="F19" s="35" t="s">
        <v>50</v>
      </c>
      <c r="G19" s="36" t="s">
        <v>42</v>
      </c>
    </row>
    <row r="20" spans="1:7" s="8" customFormat="1" ht="19.2" x14ac:dyDescent="0.2">
      <c r="A20" s="17">
        <v>1040</v>
      </c>
      <c r="B20" s="32" t="s">
        <v>105</v>
      </c>
      <c r="C20" s="33" t="s">
        <v>152</v>
      </c>
      <c r="D20" s="33" t="s">
        <v>153</v>
      </c>
      <c r="E20" s="34" t="s">
        <v>7</v>
      </c>
      <c r="F20" s="35" t="s">
        <v>99</v>
      </c>
      <c r="G20" s="36" t="s">
        <v>93</v>
      </c>
    </row>
    <row r="21" spans="1:7" s="8" customFormat="1" ht="11.4" customHeight="1" x14ac:dyDescent="0.2">
      <c r="A21" s="23">
        <v>1045</v>
      </c>
      <c r="B21" s="52" t="s">
        <v>106</v>
      </c>
      <c r="C21" s="53" t="s">
        <v>211</v>
      </c>
      <c r="D21" s="53" t="s">
        <v>115</v>
      </c>
      <c r="E21" s="34" t="s">
        <v>7</v>
      </c>
      <c r="F21" s="35" t="s">
        <v>99</v>
      </c>
      <c r="G21" s="36" t="s">
        <v>30</v>
      </c>
    </row>
    <row r="22" spans="1:7" ht="28.8" x14ac:dyDescent="0.2">
      <c r="A22" s="96">
        <v>1060</v>
      </c>
      <c r="B22" s="119" t="s">
        <v>68</v>
      </c>
      <c r="C22" s="27" t="s">
        <v>21</v>
      </c>
      <c r="D22" s="28" t="s">
        <v>212</v>
      </c>
      <c r="E22" s="29" t="s">
        <v>22</v>
      </c>
      <c r="F22" s="30" t="s">
        <v>50</v>
      </c>
      <c r="G22" s="31" t="s">
        <v>28</v>
      </c>
    </row>
    <row r="23" spans="1:7" ht="19.2" x14ac:dyDescent="0.2">
      <c r="A23" s="96"/>
      <c r="B23" s="120"/>
      <c r="C23" s="33" t="s">
        <v>197</v>
      </c>
      <c r="D23" s="33" t="s">
        <v>80</v>
      </c>
      <c r="E23" s="34" t="s">
        <v>7</v>
      </c>
      <c r="F23" s="35" t="s">
        <v>50</v>
      </c>
      <c r="G23" s="36" t="s">
        <v>35</v>
      </c>
    </row>
    <row r="24" spans="1:7" x14ac:dyDescent="0.2">
      <c r="A24" s="96">
        <v>1517</v>
      </c>
      <c r="B24" s="111" t="s">
        <v>107</v>
      </c>
      <c r="C24" s="109" t="s">
        <v>157</v>
      </c>
      <c r="D24" s="109" t="s">
        <v>80</v>
      </c>
      <c r="E24" s="34" t="s">
        <v>7</v>
      </c>
      <c r="F24" s="35" t="s">
        <v>50</v>
      </c>
      <c r="G24" s="54" t="s">
        <v>95</v>
      </c>
    </row>
    <row r="25" spans="1:7" x14ac:dyDescent="0.2">
      <c r="A25" s="96"/>
      <c r="B25" s="113"/>
      <c r="C25" s="114"/>
      <c r="D25" s="114"/>
      <c r="E25" s="34" t="s">
        <v>8</v>
      </c>
      <c r="F25" s="35" t="s">
        <v>100</v>
      </c>
      <c r="G25" s="54" t="s">
        <v>95</v>
      </c>
    </row>
    <row r="26" spans="1:7" x14ac:dyDescent="0.2">
      <c r="A26" s="17">
        <v>1522</v>
      </c>
      <c r="B26" s="39" t="s">
        <v>69</v>
      </c>
      <c r="C26" s="27" t="s">
        <v>39</v>
      </c>
      <c r="D26" s="27" t="s">
        <v>39</v>
      </c>
      <c r="E26" s="34" t="s">
        <v>48</v>
      </c>
      <c r="F26" s="35" t="s">
        <v>102</v>
      </c>
      <c r="G26" s="54" t="s">
        <v>28</v>
      </c>
    </row>
    <row r="27" spans="1:7" x14ac:dyDescent="0.2">
      <c r="A27" s="96">
        <v>1521</v>
      </c>
      <c r="B27" s="111" t="s">
        <v>164</v>
      </c>
      <c r="C27" s="109" t="s">
        <v>164</v>
      </c>
      <c r="D27" s="109" t="s">
        <v>132</v>
      </c>
      <c r="E27" s="34" t="s">
        <v>14</v>
      </c>
      <c r="F27" s="35" t="s">
        <v>202</v>
      </c>
      <c r="G27" s="36" t="s">
        <v>109</v>
      </c>
    </row>
    <row r="28" spans="1:7" x14ac:dyDescent="0.2">
      <c r="A28" s="96"/>
      <c r="B28" s="112"/>
      <c r="C28" s="116"/>
      <c r="D28" s="116"/>
      <c r="E28" s="34" t="s">
        <v>15</v>
      </c>
      <c r="F28" s="35" t="s">
        <v>203</v>
      </c>
      <c r="G28" s="36" t="s">
        <v>109</v>
      </c>
    </row>
    <row r="29" spans="1:7" x14ac:dyDescent="0.2">
      <c r="A29" s="96"/>
      <c r="B29" s="115"/>
      <c r="C29" s="114"/>
      <c r="D29" s="114"/>
      <c r="E29" s="34" t="s">
        <v>16</v>
      </c>
      <c r="F29" s="35" t="s">
        <v>165</v>
      </c>
      <c r="G29" s="36" t="s">
        <v>109</v>
      </c>
    </row>
    <row r="30" spans="1:7" ht="19.2" x14ac:dyDescent="0.2">
      <c r="A30" s="96">
        <v>1065</v>
      </c>
      <c r="B30" s="100" t="s">
        <v>43</v>
      </c>
      <c r="C30" s="38" t="s">
        <v>154</v>
      </c>
      <c r="D30" s="33" t="s">
        <v>87</v>
      </c>
      <c r="E30" s="24" t="s">
        <v>20</v>
      </c>
      <c r="F30" s="35" t="s">
        <v>50</v>
      </c>
      <c r="G30" s="36" t="s">
        <v>31</v>
      </c>
    </row>
    <row r="31" spans="1:7" x14ac:dyDescent="0.2">
      <c r="A31" s="96"/>
      <c r="B31" s="101"/>
      <c r="C31" s="33" t="s">
        <v>147</v>
      </c>
      <c r="D31" s="33" t="s">
        <v>155</v>
      </c>
      <c r="E31" s="24" t="s">
        <v>20</v>
      </c>
      <c r="F31" s="25" t="s">
        <v>99</v>
      </c>
      <c r="G31" s="26" t="s">
        <v>156</v>
      </c>
    </row>
    <row r="32" spans="1:7" x14ac:dyDescent="0.2">
      <c r="A32" s="17">
        <v>1518</v>
      </c>
      <c r="B32" s="32" t="s">
        <v>57</v>
      </c>
      <c r="C32" s="38" t="s">
        <v>13</v>
      </c>
      <c r="D32" s="55" t="s">
        <v>83</v>
      </c>
      <c r="E32" s="34" t="s">
        <v>7</v>
      </c>
      <c r="F32" s="35" t="s">
        <v>99</v>
      </c>
      <c r="G32" s="36" t="s">
        <v>89</v>
      </c>
    </row>
    <row r="33" spans="1:7" x14ac:dyDescent="0.2">
      <c r="A33" s="17">
        <v>1080</v>
      </c>
      <c r="B33" s="37" t="s">
        <v>187</v>
      </c>
      <c r="C33" s="38" t="s">
        <v>168</v>
      </c>
      <c r="D33" s="55" t="s">
        <v>115</v>
      </c>
      <c r="E33" s="34" t="s">
        <v>22</v>
      </c>
      <c r="F33" s="35" t="s">
        <v>99</v>
      </c>
      <c r="G33" s="36" t="s">
        <v>169</v>
      </c>
    </row>
    <row r="34" spans="1:7" ht="19.2" x14ac:dyDescent="0.2">
      <c r="A34" s="19">
        <v>1095</v>
      </c>
      <c r="B34" s="56" t="s">
        <v>53</v>
      </c>
      <c r="C34" s="55" t="s">
        <v>188</v>
      </c>
      <c r="D34" s="33" t="s">
        <v>199</v>
      </c>
      <c r="E34" s="34" t="s">
        <v>7</v>
      </c>
      <c r="F34" s="35" t="s">
        <v>50</v>
      </c>
      <c r="G34" s="36" t="s">
        <v>110</v>
      </c>
    </row>
    <row r="35" spans="1:7" ht="19.2" x14ac:dyDescent="0.2">
      <c r="A35" s="96">
        <v>1520</v>
      </c>
      <c r="B35" s="117" t="s">
        <v>70</v>
      </c>
      <c r="C35" s="57" t="s">
        <v>157</v>
      </c>
      <c r="D35" s="55"/>
      <c r="E35" s="34" t="s">
        <v>7</v>
      </c>
      <c r="F35" s="35" t="s">
        <v>99</v>
      </c>
      <c r="G35" s="36" t="s">
        <v>129</v>
      </c>
    </row>
    <row r="36" spans="1:7" ht="19.2" x14ac:dyDescent="0.2">
      <c r="A36" s="96"/>
      <c r="B36" s="117"/>
      <c r="C36" s="41" t="s">
        <v>111</v>
      </c>
      <c r="D36" s="55"/>
      <c r="E36" s="34" t="s">
        <v>6</v>
      </c>
      <c r="F36" s="35" t="s">
        <v>102</v>
      </c>
      <c r="G36" s="36" t="s">
        <v>129</v>
      </c>
    </row>
    <row r="37" spans="1:7" ht="19.2" x14ac:dyDescent="0.2">
      <c r="A37" s="96"/>
      <c r="B37" s="118"/>
      <c r="C37" s="41" t="s">
        <v>112</v>
      </c>
      <c r="D37" s="55"/>
      <c r="E37" s="34" t="s">
        <v>8</v>
      </c>
      <c r="F37" s="35" t="s">
        <v>100</v>
      </c>
      <c r="G37" s="36" t="s">
        <v>178</v>
      </c>
    </row>
    <row r="38" spans="1:7" ht="11.4" customHeight="1" x14ac:dyDescent="0.2">
      <c r="A38" s="17">
        <v>1523</v>
      </c>
      <c r="B38" s="32" t="s">
        <v>148</v>
      </c>
      <c r="C38" s="57" t="s">
        <v>19</v>
      </c>
      <c r="D38" s="33" t="s">
        <v>150</v>
      </c>
      <c r="E38" s="34" t="s">
        <v>7</v>
      </c>
      <c r="F38" s="35" t="s">
        <v>99</v>
      </c>
      <c r="G38" s="36" t="s">
        <v>133</v>
      </c>
    </row>
    <row r="39" spans="1:7" ht="11.4" customHeight="1" x14ac:dyDescent="0.2">
      <c r="A39" s="96">
        <v>1551</v>
      </c>
      <c r="B39" s="111" t="s">
        <v>144</v>
      </c>
      <c r="C39" s="122" t="s">
        <v>139</v>
      </c>
      <c r="D39" s="109" t="s">
        <v>140</v>
      </c>
      <c r="E39" s="34" t="s">
        <v>22</v>
      </c>
      <c r="F39" s="35" t="s">
        <v>50</v>
      </c>
      <c r="G39" s="36" t="s">
        <v>213</v>
      </c>
    </row>
    <row r="40" spans="1:7" x14ac:dyDescent="0.2">
      <c r="A40" s="96"/>
      <c r="B40" s="121"/>
      <c r="C40" s="110"/>
      <c r="D40" s="110"/>
      <c r="E40" s="34" t="s">
        <v>48</v>
      </c>
      <c r="F40" s="35" t="s">
        <v>51</v>
      </c>
      <c r="G40" s="36" t="s">
        <v>213</v>
      </c>
    </row>
    <row r="41" spans="1:7" s="8" customFormat="1" ht="11.4" customHeight="1" x14ac:dyDescent="0.2">
      <c r="A41" s="96">
        <v>1544</v>
      </c>
      <c r="B41" s="111" t="s">
        <v>71</v>
      </c>
      <c r="C41" s="109" t="s">
        <v>205</v>
      </c>
      <c r="D41" s="109" t="s">
        <v>205</v>
      </c>
      <c r="E41" s="34" t="s">
        <v>14</v>
      </c>
      <c r="F41" s="35" t="s">
        <v>204</v>
      </c>
      <c r="G41" s="36" t="s">
        <v>28</v>
      </c>
    </row>
    <row r="42" spans="1:7" x14ac:dyDescent="0.2">
      <c r="A42" s="96"/>
      <c r="B42" s="112"/>
      <c r="C42" s="116"/>
      <c r="D42" s="114"/>
      <c r="E42" s="34" t="s">
        <v>24</v>
      </c>
      <c r="F42" s="35" t="s">
        <v>203</v>
      </c>
      <c r="G42" s="36" t="s">
        <v>33</v>
      </c>
    </row>
    <row r="43" spans="1:7" x14ac:dyDescent="0.2">
      <c r="A43" s="96"/>
      <c r="B43" s="113"/>
      <c r="C43" s="42" t="s">
        <v>25</v>
      </c>
      <c r="D43" s="33" t="s">
        <v>26</v>
      </c>
      <c r="E43" s="24" t="s">
        <v>24</v>
      </c>
      <c r="F43" s="35" t="s">
        <v>203</v>
      </c>
      <c r="G43" s="36" t="s">
        <v>33</v>
      </c>
    </row>
    <row r="44" spans="1:7" ht="19.2" x14ac:dyDescent="0.2">
      <c r="A44" s="17">
        <v>1190</v>
      </c>
      <c r="B44" s="51" t="s">
        <v>54</v>
      </c>
      <c r="C44" s="60" t="s">
        <v>191</v>
      </c>
      <c r="D44" s="38" t="s">
        <v>179</v>
      </c>
      <c r="E44" s="34" t="s">
        <v>7</v>
      </c>
      <c r="F44" s="35" t="s">
        <v>50</v>
      </c>
      <c r="G44" s="36" t="s">
        <v>31</v>
      </c>
    </row>
    <row r="45" spans="1:7" x14ac:dyDescent="0.2">
      <c r="A45" s="17">
        <v>1545</v>
      </c>
      <c r="B45" s="61" t="s">
        <v>58</v>
      </c>
      <c r="C45" s="33" t="s">
        <v>189</v>
      </c>
      <c r="D45" s="33" t="s">
        <v>80</v>
      </c>
      <c r="E45" s="34" t="s">
        <v>7</v>
      </c>
      <c r="F45" s="35" t="s">
        <v>99</v>
      </c>
      <c r="G45" s="36" t="s">
        <v>88</v>
      </c>
    </row>
    <row r="46" spans="1:7" x14ac:dyDescent="0.2">
      <c r="A46" s="17">
        <v>1547</v>
      </c>
      <c r="B46" s="62" t="s">
        <v>72</v>
      </c>
      <c r="C46" s="41" t="s">
        <v>45</v>
      </c>
      <c r="D46" s="41" t="s">
        <v>81</v>
      </c>
      <c r="E46" s="34" t="s">
        <v>20</v>
      </c>
      <c r="F46" s="35" t="s">
        <v>50</v>
      </c>
      <c r="G46" s="36" t="s">
        <v>113</v>
      </c>
    </row>
    <row r="47" spans="1:7" x14ac:dyDescent="0.2">
      <c r="A47" s="17"/>
      <c r="B47" s="39" t="s">
        <v>206</v>
      </c>
      <c r="C47" s="43" t="s">
        <v>193</v>
      </c>
      <c r="D47" s="43" t="s">
        <v>193</v>
      </c>
      <c r="E47" s="44" t="s">
        <v>22</v>
      </c>
      <c r="F47" s="35" t="s">
        <v>50</v>
      </c>
      <c r="G47" s="36" t="s">
        <v>113</v>
      </c>
    </row>
    <row r="48" spans="1:7" ht="10.95" customHeight="1" x14ac:dyDescent="0.2">
      <c r="A48" s="17">
        <v>1556</v>
      </c>
      <c r="B48" s="32" t="s">
        <v>73</v>
      </c>
      <c r="C48" s="41" t="s">
        <v>61</v>
      </c>
      <c r="D48" s="41" t="s">
        <v>61</v>
      </c>
      <c r="E48" s="34" t="s">
        <v>22</v>
      </c>
      <c r="F48" s="35" t="s">
        <v>99</v>
      </c>
      <c r="G48" s="36" t="s">
        <v>91</v>
      </c>
    </row>
    <row r="49" spans="1:7" ht="10.95" customHeight="1" x14ac:dyDescent="0.2">
      <c r="A49" s="17">
        <v>1205</v>
      </c>
      <c r="B49" s="32" t="s">
        <v>55</v>
      </c>
      <c r="C49" s="33" t="s">
        <v>10</v>
      </c>
      <c r="D49" s="33" t="s">
        <v>80</v>
      </c>
      <c r="E49" s="34" t="s">
        <v>7</v>
      </c>
      <c r="F49" s="35" t="s">
        <v>50</v>
      </c>
      <c r="G49" s="36" t="s">
        <v>60</v>
      </c>
    </row>
    <row r="50" spans="1:7" ht="15.6" customHeight="1" x14ac:dyDescent="0.2">
      <c r="A50" s="17">
        <v>1555</v>
      </c>
      <c r="B50" s="111" t="s">
        <v>59</v>
      </c>
      <c r="C50" s="104" t="s">
        <v>214</v>
      </c>
      <c r="D50" s="104" t="s">
        <v>137</v>
      </c>
      <c r="E50" s="34" t="s">
        <v>114</v>
      </c>
      <c r="F50" s="35" t="s">
        <v>50</v>
      </c>
      <c r="G50" s="36" t="s">
        <v>194</v>
      </c>
    </row>
    <row r="51" spans="1:7" ht="15.6" customHeight="1" x14ac:dyDescent="0.2">
      <c r="A51" s="17"/>
      <c r="B51" s="112"/>
      <c r="C51" s="123"/>
      <c r="D51" s="123"/>
      <c r="E51" s="34" t="s">
        <v>8</v>
      </c>
      <c r="F51" s="35" t="s">
        <v>100</v>
      </c>
      <c r="G51" s="36" t="s">
        <v>194</v>
      </c>
    </row>
    <row r="52" spans="1:7" ht="10.95" customHeight="1" x14ac:dyDescent="0.2">
      <c r="A52" s="9"/>
      <c r="B52" s="113"/>
      <c r="C52" s="31" t="s">
        <v>207</v>
      </c>
      <c r="D52" s="31"/>
      <c r="E52" s="34" t="s">
        <v>114</v>
      </c>
      <c r="F52" s="35" t="s">
        <v>99</v>
      </c>
      <c r="G52" s="36" t="s">
        <v>194</v>
      </c>
    </row>
    <row r="53" spans="1:7" ht="28.8" x14ac:dyDescent="0.2">
      <c r="A53" s="17">
        <v>1560</v>
      </c>
      <c r="B53" s="63" t="s">
        <v>74</v>
      </c>
      <c r="C53" s="33" t="s">
        <v>157</v>
      </c>
      <c r="D53" s="33" t="s">
        <v>80</v>
      </c>
      <c r="E53" s="34" t="s">
        <v>108</v>
      </c>
      <c r="F53" s="35" t="s">
        <v>102</v>
      </c>
      <c r="G53" s="36" t="s">
        <v>174</v>
      </c>
    </row>
    <row r="54" spans="1:7" x14ac:dyDescent="0.2">
      <c r="A54" s="17">
        <v>1215</v>
      </c>
      <c r="B54" s="63" t="s">
        <v>75</v>
      </c>
      <c r="C54" s="63" t="s">
        <v>19</v>
      </c>
      <c r="D54" s="63" t="s">
        <v>81</v>
      </c>
      <c r="E54" s="64" t="s">
        <v>20</v>
      </c>
      <c r="F54" s="64" t="s">
        <v>99</v>
      </c>
      <c r="G54" s="63" t="s">
        <v>126</v>
      </c>
    </row>
    <row r="55" spans="1:7" x14ac:dyDescent="0.2">
      <c r="A55" s="96">
        <v>1567</v>
      </c>
      <c r="B55" s="124" t="s">
        <v>127</v>
      </c>
      <c r="C55" s="109" t="s">
        <v>19</v>
      </c>
      <c r="D55" s="109" t="s">
        <v>115</v>
      </c>
      <c r="E55" s="34" t="s">
        <v>20</v>
      </c>
      <c r="F55" s="35" t="s">
        <v>116</v>
      </c>
      <c r="G55" s="36" t="s">
        <v>97</v>
      </c>
    </row>
    <row r="56" spans="1:7" ht="10.95" customHeight="1" x14ac:dyDescent="0.2">
      <c r="A56" s="96"/>
      <c r="B56" s="125"/>
      <c r="C56" s="114"/>
      <c r="D56" s="114"/>
      <c r="E56" s="34" t="s">
        <v>108</v>
      </c>
      <c r="F56" s="35" t="s">
        <v>117</v>
      </c>
      <c r="G56" s="36" t="s">
        <v>97</v>
      </c>
    </row>
    <row r="57" spans="1:7" ht="10.95" customHeight="1" x14ac:dyDescent="0.2">
      <c r="A57" s="96">
        <v>1225</v>
      </c>
      <c r="B57" s="126" t="s">
        <v>56</v>
      </c>
      <c r="C57" s="43" t="s">
        <v>192</v>
      </c>
      <c r="D57" s="33" t="s">
        <v>80</v>
      </c>
      <c r="E57" s="65" t="s">
        <v>22</v>
      </c>
      <c r="F57" s="66" t="s">
        <v>99</v>
      </c>
      <c r="G57" s="36" t="s">
        <v>28</v>
      </c>
    </row>
    <row r="58" spans="1:7" ht="10.95" customHeight="1" x14ac:dyDescent="0.2">
      <c r="A58" s="96"/>
      <c r="B58" s="127"/>
      <c r="C58" s="33" t="s">
        <v>134</v>
      </c>
      <c r="D58" s="33" t="s">
        <v>80</v>
      </c>
      <c r="E58" s="34" t="s">
        <v>22</v>
      </c>
      <c r="F58" s="35" t="s">
        <v>50</v>
      </c>
      <c r="G58" s="36" t="s">
        <v>38</v>
      </c>
    </row>
    <row r="59" spans="1:7" ht="10.95" customHeight="1" x14ac:dyDescent="0.2">
      <c r="A59" s="17">
        <v>1563</v>
      </c>
      <c r="B59" s="32" t="s">
        <v>96</v>
      </c>
      <c r="C59" s="33" t="s">
        <v>157</v>
      </c>
      <c r="D59" s="33" t="s">
        <v>115</v>
      </c>
      <c r="E59" s="34" t="s">
        <v>108</v>
      </c>
      <c r="F59" s="35" t="s">
        <v>165</v>
      </c>
      <c r="G59" s="36" t="s">
        <v>215</v>
      </c>
    </row>
    <row r="60" spans="1:7" ht="12.6" customHeight="1" x14ac:dyDescent="0.2">
      <c r="A60" s="9">
        <v>1565</v>
      </c>
      <c r="B60" s="32" t="s">
        <v>162</v>
      </c>
      <c r="C60" s="36" t="s">
        <v>85</v>
      </c>
      <c r="D60" s="36" t="s">
        <v>85</v>
      </c>
      <c r="E60" s="34" t="s">
        <v>48</v>
      </c>
      <c r="F60" s="35" t="s">
        <v>102</v>
      </c>
      <c r="G60" s="36" t="s">
        <v>208</v>
      </c>
    </row>
    <row r="61" spans="1:7" ht="11.4" customHeight="1" x14ac:dyDescent="0.2">
      <c r="A61" s="17">
        <v>1597</v>
      </c>
      <c r="B61" s="61" t="s">
        <v>90</v>
      </c>
      <c r="C61" s="33" t="s">
        <v>157</v>
      </c>
      <c r="D61" s="33" t="s">
        <v>81</v>
      </c>
      <c r="E61" s="34" t="s">
        <v>20</v>
      </c>
      <c r="F61" s="35" t="s">
        <v>50</v>
      </c>
      <c r="G61" s="36" t="s">
        <v>29</v>
      </c>
    </row>
    <row r="62" spans="1:7" ht="13.2" customHeight="1" x14ac:dyDescent="0.2">
      <c r="A62" s="17">
        <v>1615</v>
      </c>
      <c r="B62" s="58" t="s">
        <v>149</v>
      </c>
      <c r="C62" s="33" t="s">
        <v>19</v>
      </c>
      <c r="D62" s="33" t="s">
        <v>81</v>
      </c>
      <c r="E62" s="34" t="s">
        <v>108</v>
      </c>
      <c r="F62" s="35" t="s">
        <v>51</v>
      </c>
      <c r="G62" s="36" t="s">
        <v>38</v>
      </c>
    </row>
    <row r="63" spans="1:7" ht="24" customHeight="1" x14ac:dyDescent="0.2">
      <c r="A63" s="17">
        <v>1627</v>
      </c>
      <c r="B63" s="61" t="s">
        <v>118</v>
      </c>
      <c r="C63" s="33" t="s">
        <v>9</v>
      </c>
      <c r="D63" s="33" t="s">
        <v>80</v>
      </c>
      <c r="E63" s="34" t="s">
        <v>6</v>
      </c>
      <c r="F63" s="35" t="s">
        <v>51</v>
      </c>
      <c r="G63" s="36" t="s">
        <v>177</v>
      </c>
    </row>
    <row r="64" spans="1:7" ht="19.2" x14ac:dyDescent="0.2">
      <c r="A64" s="17">
        <v>1646</v>
      </c>
      <c r="B64" s="40" t="s">
        <v>76</v>
      </c>
      <c r="C64" s="33" t="s">
        <v>157</v>
      </c>
      <c r="D64" s="33" t="s">
        <v>81</v>
      </c>
      <c r="E64" s="34" t="s">
        <v>22</v>
      </c>
      <c r="F64" s="35" t="s">
        <v>50</v>
      </c>
      <c r="G64" s="36" t="s">
        <v>216</v>
      </c>
    </row>
    <row r="65" spans="1:7" ht="10.95" customHeight="1" x14ac:dyDescent="0.2">
      <c r="A65" s="17">
        <v>1647</v>
      </c>
      <c r="B65" s="32" t="s">
        <v>119</v>
      </c>
      <c r="C65" s="33" t="s">
        <v>135</v>
      </c>
      <c r="D65" s="33" t="s">
        <v>135</v>
      </c>
      <c r="E65" s="34" t="s">
        <v>7</v>
      </c>
      <c r="F65" s="35" t="s">
        <v>50</v>
      </c>
      <c r="G65" s="36" t="s">
        <v>120</v>
      </c>
    </row>
    <row r="66" spans="1:7" x14ac:dyDescent="0.2">
      <c r="A66" s="9">
        <v>1648</v>
      </c>
      <c r="B66" s="32" t="s">
        <v>46</v>
      </c>
      <c r="C66" s="67" t="s">
        <v>47</v>
      </c>
      <c r="D66" s="68" t="s">
        <v>81</v>
      </c>
      <c r="E66" s="69" t="s">
        <v>48</v>
      </c>
      <c r="F66" s="70" t="s">
        <v>117</v>
      </c>
      <c r="G66" s="71" t="s">
        <v>49</v>
      </c>
    </row>
    <row r="67" spans="1:7" ht="19.2" x14ac:dyDescent="0.2">
      <c r="A67" s="134">
        <v>1661</v>
      </c>
      <c r="B67" s="109" t="s">
        <v>94</v>
      </c>
      <c r="C67" s="128" t="s">
        <v>157</v>
      </c>
      <c r="D67" s="128" t="s">
        <v>81</v>
      </c>
      <c r="E67" s="34" t="s">
        <v>7</v>
      </c>
      <c r="F67" s="35" t="s">
        <v>99</v>
      </c>
      <c r="G67" s="36" t="s">
        <v>209</v>
      </c>
    </row>
    <row r="68" spans="1:7" ht="19.2" x14ac:dyDescent="0.2">
      <c r="A68" s="134"/>
      <c r="B68" s="116"/>
      <c r="C68" s="129"/>
      <c r="D68" s="129"/>
      <c r="E68" s="34" t="s">
        <v>108</v>
      </c>
      <c r="F68" s="35" t="s">
        <v>102</v>
      </c>
      <c r="G68" s="36" t="s">
        <v>209</v>
      </c>
    </row>
    <row r="69" spans="1:7" ht="10.95" customHeight="1" x14ac:dyDescent="0.2">
      <c r="A69" s="96">
        <v>1665</v>
      </c>
      <c r="B69" s="111" t="s">
        <v>121</v>
      </c>
      <c r="C69" s="109" t="s">
        <v>185</v>
      </c>
      <c r="D69" s="109" t="s">
        <v>80</v>
      </c>
      <c r="E69" s="34" t="s">
        <v>7</v>
      </c>
      <c r="F69" s="35" t="s">
        <v>50</v>
      </c>
      <c r="G69" s="36" t="s">
        <v>44</v>
      </c>
    </row>
    <row r="70" spans="1:7" ht="10.95" customHeight="1" x14ac:dyDescent="0.2">
      <c r="A70" s="96"/>
      <c r="B70" s="115"/>
      <c r="C70" s="114"/>
      <c r="D70" s="114"/>
      <c r="E70" s="34" t="s">
        <v>6</v>
      </c>
      <c r="F70" s="35" t="s">
        <v>102</v>
      </c>
      <c r="G70" s="36" t="s">
        <v>62</v>
      </c>
    </row>
    <row r="71" spans="1:7" s="8" customFormat="1" ht="11.4" customHeight="1" x14ac:dyDescent="0.2">
      <c r="A71" s="96">
        <v>1666</v>
      </c>
      <c r="B71" s="130" t="s">
        <v>175</v>
      </c>
      <c r="C71" s="109" t="s">
        <v>170</v>
      </c>
      <c r="D71" s="109" t="s">
        <v>115</v>
      </c>
      <c r="E71" s="34" t="s">
        <v>20</v>
      </c>
      <c r="F71" s="35" t="s">
        <v>99</v>
      </c>
      <c r="G71" s="36" t="s">
        <v>180</v>
      </c>
    </row>
    <row r="72" spans="1:7" ht="10.95" customHeight="1" x14ac:dyDescent="0.2">
      <c r="A72" s="96"/>
      <c r="B72" s="112"/>
      <c r="C72" s="110"/>
      <c r="D72" s="110"/>
      <c r="E72" s="34" t="s">
        <v>48</v>
      </c>
      <c r="F72" s="35" t="s">
        <v>117</v>
      </c>
      <c r="G72" s="36" t="s">
        <v>180</v>
      </c>
    </row>
    <row r="73" spans="1:7" ht="10.95" customHeight="1" x14ac:dyDescent="0.2">
      <c r="A73" s="96"/>
      <c r="B73" s="112"/>
      <c r="C73" s="132" t="s">
        <v>186</v>
      </c>
      <c r="D73" s="72" t="s">
        <v>61</v>
      </c>
      <c r="E73" s="65" t="s">
        <v>22</v>
      </c>
      <c r="F73" s="66" t="s">
        <v>50</v>
      </c>
      <c r="G73" s="73" t="s">
        <v>171</v>
      </c>
    </row>
    <row r="74" spans="1:7" ht="10.95" customHeight="1" x14ac:dyDescent="0.2">
      <c r="A74" s="96"/>
      <c r="B74" s="131"/>
      <c r="C74" s="133"/>
      <c r="D74" s="59" t="s">
        <v>176</v>
      </c>
      <c r="E74" s="34" t="s">
        <v>48</v>
      </c>
      <c r="F74" s="35" t="s">
        <v>117</v>
      </c>
      <c r="G74" s="73" t="s">
        <v>171</v>
      </c>
    </row>
    <row r="75" spans="1:7" x14ac:dyDescent="0.2">
      <c r="A75" s="17">
        <v>1380</v>
      </c>
      <c r="B75" s="37" t="s">
        <v>77</v>
      </c>
      <c r="C75" s="33" t="s">
        <v>136</v>
      </c>
      <c r="D75" s="33" t="s">
        <v>81</v>
      </c>
      <c r="E75" s="34" t="s">
        <v>20</v>
      </c>
      <c r="F75" s="35" t="s">
        <v>50</v>
      </c>
      <c r="G75" s="36" t="s">
        <v>138</v>
      </c>
    </row>
    <row r="76" spans="1:7" x14ac:dyDescent="0.2">
      <c r="A76" s="17">
        <v>1671</v>
      </c>
      <c r="B76" s="32" t="s">
        <v>78</v>
      </c>
      <c r="C76" s="33" t="s">
        <v>150</v>
      </c>
      <c r="D76" s="33"/>
      <c r="E76" s="34" t="s">
        <v>7</v>
      </c>
      <c r="F76" s="35" t="s">
        <v>50</v>
      </c>
      <c r="G76" s="36" t="s">
        <v>34</v>
      </c>
    </row>
    <row r="77" spans="1:7" ht="19.2" x14ac:dyDescent="0.2">
      <c r="A77" s="9">
        <v>1680</v>
      </c>
      <c r="B77" s="74" t="s">
        <v>184</v>
      </c>
      <c r="C77" s="75" t="s">
        <v>146</v>
      </c>
      <c r="D77" s="57" t="s">
        <v>81</v>
      </c>
      <c r="E77" s="76" t="s">
        <v>22</v>
      </c>
      <c r="F77" s="77" t="s">
        <v>160</v>
      </c>
      <c r="G77" s="75" t="s">
        <v>172</v>
      </c>
    </row>
    <row r="78" spans="1:7" s="8" customFormat="1" ht="11.4" customHeight="1" x14ac:dyDescent="0.2">
      <c r="A78" s="99">
        <v>1685</v>
      </c>
      <c r="B78" s="97" t="s">
        <v>122</v>
      </c>
      <c r="C78" s="98" t="s">
        <v>157</v>
      </c>
      <c r="D78" s="98" t="s">
        <v>80</v>
      </c>
      <c r="E78" s="78" t="s">
        <v>7</v>
      </c>
      <c r="F78" s="46" t="s">
        <v>50</v>
      </c>
      <c r="G78" s="36" t="s">
        <v>158</v>
      </c>
    </row>
    <row r="79" spans="1:7" x14ac:dyDescent="0.2">
      <c r="A79" s="99"/>
      <c r="B79" s="97"/>
      <c r="C79" s="98"/>
      <c r="D79" s="98"/>
      <c r="E79" s="79" t="s">
        <v>37</v>
      </c>
      <c r="F79" s="80" t="s">
        <v>100</v>
      </c>
      <c r="G79" s="81" t="s">
        <v>159</v>
      </c>
    </row>
    <row r="80" spans="1:7" s="8" customFormat="1" ht="11.4" customHeight="1" x14ac:dyDescent="0.2">
      <c r="A80" s="17"/>
      <c r="B80" s="39" t="s">
        <v>201</v>
      </c>
      <c r="C80" s="27" t="s">
        <v>195</v>
      </c>
      <c r="D80" s="27" t="s">
        <v>115</v>
      </c>
      <c r="E80" s="45" t="s">
        <v>20</v>
      </c>
      <c r="F80" s="46" t="s">
        <v>50</v>
      </c>
      <c r="G80" s="47" t="s">
        <v>196</v>
      </c>
    </row>
    <row r="81" spans="1:7" s="8" customFormat="1" ht="11.4" customHeight="1" x14ac:dyDescent="0.2">
      <c r="A81" s="9">
        <v>1703</v>
      </c>
      <c r="B81" s="37" t="s">
        <v>123</v>
      </c>
      <c r="C81" s="33" t="s">
        <v>12</v>
      </c>
      <c r="D81" s="33" t="s">
        <v>84</v>
      </c>
      <c r="E81" s="34" t="s">
        <v>7</v>
      </c>
      <c r="F81" s="35" t="s">
        <v>99</v>
      </c>
      <c r="G81" s="36" t="s">
        <v>217</v>
      </c>
    </row>
    <row r="82" spans="1:7" ht="19.2" x14ac:dyDescent="0.2">
      <c r="A82" s="90">
        <v>1710</v>
      </c>
      <c r="B82" s="88" t="s">
        <v>79</v>
      </c>
      <c r="C82" s="48" t="s">
        <v>157</v>
      </c>
      <c r="D82" s="48" t="s">
        <v>190</v>
      </c>
      <c r="E82" s="82" t="s">
        <v>20</v>
      </c>
      <c r="F82" s="46" t="s">
        <v>50</v>
      </c>
      <c r="G82" s="83" t="s">
        <v>64</v>
      </c>
    </row>
    <row r="83" spans="1:7" x14ac:dyDescent="0.2">
      <c r="A83" s="90"/>
      <c r="B83" s="89"/>
      <c r="C83" s="84" t="s">
        <v>36</v>
      </c>
      <c r="D83" s="85" t="s">
        <v>173</v>
      </c>
      <c r="E83" s="86" t="s">
        <v>18</v>
      </c>
      <c r="F83" s="87" t="s">
        <v>100</v>
      </c>
      <c r="G83" s="36" t="s">
        <v>145</v>
      </c>
    </row>
    <row r="84" spans="1:7" ht="10.95" customHeight="1" x14ac:dyDescent="0.2">
      <c r="A84" s="17"/>
      <c r="B84" s="8" t="s">
        <v>52</v>
      </c>
      <c r="C84" s="4"/>
      <c r="D84" s="4"/>
      <c r="E84" s="5"/>
      <c r="F84" s="6"/>
      <c r="G84" s="7"/>
    </row>
    <row r="85" spans="1:7" s="8" customFormat="1" ht="10.95" customHeight="1" x14ac:dyDescent="0.2">
      <c r="A85" s="2"/>
      <c r="B85" s="18" t="s">
        <v>163</v>
      </c>
      <c r="C85" s="15"/>
      <c r="D85" s="1"/>
      <c r="E85" s="1"/>
      <c r="F85" s="1"/>
      <c r="G85" s="1"/>
    </row>
    <row r="86" spans="1:7" ht="10.95" customHeight="1" x14ac:dyDescent="0.2"/>
  </sheetData>
  <mergeCells count="62">
    <mergeCell ref="A55:A56"/>
    <mergeCell ref="A57:A58"/>
    <mergeCell ref="A67:A68"/>
    <mergeCell ref="A69:A70"/>
    <mergeCell ref="A71:A74"/>
    <mergeCell ref="B57:B58"/>
    <mergeCell ref="B67:B68"/>
    <mergeCell ref="C67:C68"/>
    <mergeCell ref="D67:D68"/>
    <mergeCell ref="B71:B74"/>
    <mergeCell ref="C71:C72"/>
    <mergeCell ref="D71:D72"/>
    <mergeCell ref="C73:C74"/>
    <mergeCell ref="B69:B70"/>
    <mergeCell ref="C69:C70"/>
    <mergeCell ref="D69:D70"/>
    <mergeCell ref="B50:B52"/>
    <mergeCell ref="C50:C51"/>
    <mergeCell ref="C41:C42"/>
    <mergeCell ref="D50:D51"/>
    <mergeCell ref="C55:C56"/>
    <mergeCell ref="D55:D56"/>
    <mergeCell ref="B55:B56"/>
    <mergeCell ref="D41:D42"/>
    <mergeCell ref="B22:B23"/>
    <mergeCell ref="B24:B25"/>
    <mergeCell ref="C24:C25"/>
    <mergeCell ref="B39:B40"/>
    <mergeCell ref="C39:C40"/>
    <mergeCell ref="B30:B31"/>
    <mergeCell ref="B12:B15"/>
    <mergeCell ref="C12:C15"/>
    <mergeCell ref="A12:A15"/>
    <mergeCell ref="D39:D40"/>
    <mergeCell ref="B41:B43"/>
    <mergeCell ref="A22:A23"/>
    <mergeCell ref="A24:A25"/>
    <mergeCell ref="A27:A29"/>
    <mergeCell ref="A35:A37"/>
    <mergeCell ref="A39:A40"/>
    <mergeCell ref="A41:A43"/>
    <mergeCell ref="D24:D25"/>
    <mergeCell ref="B27:B29"/>
    <mergeCell ref="C27:C29"/>
    <mergeCell ref="D27:D29"/>
    <mergeCell ref="B35:B37"/>
    <mergeCell ref="B82:B83"/>
    <mergeCell ref="A82:A83"/>
    <mergeCell ref="B1:G1"/>
    <mergeCell ref="D14:D15"/>
    <mergeCell ref="B16:B17"/>
    <mergeCell ref="A30:A31"/>
    <mergeCell ref="B78:B79"/>
    <mergeCell ref="C78:C79"/>
    <mergeCell ref="D78:D79"/>
    <mergeCell ref="A78:A79"/>
    <mergeCell ref="A16:A17"/>
    <mergeCell ref="B9:B10"/>
    <mergeCell ref="C9:C10"/>
    <mergeCell ref="A9:A10"/>
    <mergeCell ref="D9:D10"/>
    <mergeCell ref="D12:D13"/>
  </mergeCells>
  <phoneticPr fontId="1"/>
  <printOptions horizontalCentered="1"/>
  <pageMargins left="0.39370078740157483" right="0.39370078740157483" top="0.59055118110236227" bottom="0.59055118110236227" header="0.51181102362204722" footer="0.51181102362204722"/>
  <pageSetup paperSize="9" fitToHeight="0" orientation="portrait" r:id="rId1"/>
  <headerFooter alignWithMargins="0">
    <oddFooter>&amp;C&amp;G&amp;R&amp;6©Ｋａｗａｉｊｕｋｕ Ｅｄｕｃａｔｉｏｎａｌ Ｉｎｓｔｉｔｕｔｉｏｎ.</oddFooter>
  </headerFooter>
  <rowBreaks count="1" manualBreakCount="1">
    <brk id="59" min="1" max="6" man="1"/>
  </rowBreaks>
  <legacyDrawingHF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国公立大 地方試験会場一覧</vt:lpstr>
      <vt:lpstr>'国公立大 地方試験会場一覧'!Print_Area</vt:lpstr>
      <vt:lpstr>'国公立大 地方試験会場一覧'!Print_Titles</vt:lpstr>
    </vt:vector>
  </TitlesOfParts>
  <Company>学校法人河合塾;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12-23T00:34:00Z</cp:lastPrinted>
  <dcterms:created xsi:type="dcterms:W3CDTF">2006-11-07T09:11:37Z</dcterms:created>
  <dcterms:modified xsi:type="dcterms:W3CDTF">2025-12-23T00:34:40Z</dcterms:modified>
</cp:coreProperties>
</file>